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DAA1C5C" w14:textId="77777777" w:rsidR="008A20ED" w:rsidRDefault="0000150A" w:rsidP="000B2436">
      <w:pPr>
        <w:spacing w:before="100" w:beforeAutospacing="1" w:after="100" w:afterAutospacing="1" w:line="240" w:lineRule="auto"/>
        <w:rPr>
          <w:rFonts w:eastAsia="Times New Roman"/>
          <w:b/>
          <w:bCs/>
          <w:sz w:val="24"/>
          <w:szCs w:val="24"/>
        </w:rPr>
      </w:pPr>
      <w:r w:rsidRPr="008A20ED">
        <w:rPr>
          <w:rFonts w:eastAsia="Times New Roman"/>
          <w:b/>
          <w:bCs/>
          <w:sz w:val="24"/>
          <w:szCs w:val="24"/>
        </w:rPr>
        <w:t>Byrd Amendment Certification Quick Instructions</w:t>
      </w:r>
    </w:p>
    <w:p w14:paraId="720EC6F1" w14:textId="6617E16F" w:rsidR="000B2436" w:rsidRDefault="00A14C3A" w:rsidP="000B2436">
      <w:pPr>
        <w:spacing w:before="100" w:beforeAutospacing="1" w:after="100" w:afterAutospacing="1" w:line="240" w:lineRule="auto"/>
        <w:rPr>
          <w:rFonts w:eastAsia="Times New Roman"/>
          <w:b/>
          <w:bCs/>
          <w:color w:val="FF0000"/>
          <w:sz w:val="24"/>
          <w:szCs w:val="24"/>
        </w:rPr>
      </w:pPr>
      <w:r w:rsidRPr="0017796B">
        <w:rPr>
          <w:rFonts w:eastAsia="Times New Roman"/>
          <w:b/>
          <w:bCs/>
          <w:color w:val="FF0000"/>
          <w:sz w:val="24"/>
          <w:szCs w:val="24"/>
        </w:rPr>
        <w:t>Due</w:t>
      </w:r>
      <w:r w:rsidRPr="00EE7913">
        <w:rPr>
          <w:rFonts w:eastAsia="Times New Roman"/>
          <w:b/>
          <w:bCs/>
          <w:color w:val="FF0000"/>
          <w:sz w:val="24"/>
          <w:szCs w:val="24"/>
        </w:rPr>
        <w:t xml:space="preserve">: </w:t>
      </w:r>
      <w:r w:rsidR="00EB627D">
        <w:rPr>
          <w:rFonts w:eastAsia="Times New Roman"/>
          <w:b/>
          <w:bCs/>
          <w:color w:val="FF0000"/>
          <w:sz w:val="24"/>
          <w:szCs w:val="24"/>
          <w:u w:val="single"/>
        </w:rPr>
        <w:t>Tuesday</w:t>
      </w:r>
      <w:r w:rsidR="003D1B66">
        <w:rPr>
          <w:rFonts w:eastAsia="Times New Roman"/>
          <w:b/>
          <w:bCs/>
          <w:color w:val="FF0000"/>
          <w:sz w:val="24"/>
          <w:szCs w:val="24"/>
          <w:u w:val="single"/>
        </w:rPr>
        <w:t xml:space="preserve">, </w:t>
      </w:r>
      <w:r w:rsidR="001B1B14">
        <w:rPr>
          <w:rFonts w:eastAsia="Times New Roman"/>
          <w:b/>
          <w:bCs/>
          <w:color w:val="FF0000"/>
          <w:sz w:val="24"/>
          <w:szCs w:val="24"/>
          <w:u w:val="single"/>
        </w:rPr>
        <w:t xml:space="preserve">July </w:t>
      </w:r>
      <w:r w:rsidR="00636B38">
        <w:rPr>
          <w:rFonts w:eastAsia="Times New Roman"/>
          <w:b/>
          <w:bCs/>
          <w:color w:val="FF0000"/>
          <w:sz w:val="24"/>
          <w:szCs w:val="24"/>
          <w:u w:val="single"/>
        </w:rPr>
        <w:t>29</w:t>
      </w:r>
      <w:r w:rsidR="001B1B14">
        <w:rPr>
          <w:rFonts w:eastAsia="Times New Roman"/>
          <w:b/>
          <w:bCs/>
          <w:color w:val="FF0000"/>
          <w:sz w:val="24"/>
          <w:szCs w:val="24"/>
          <w:u w:val="single"/>
        </w:rPr>
        <w:t>, 202</w:t>
      </w:r>
      <w:r w:rsidR="00636B38">
        <w:rPr>
          <w:rFonts w:eastAsia="Times New Roman"/>
          <w:b/>
          <w:bCs/>
          <w:color w:val="FF0000"/>
          <w:sz w:val="24"/>
          <w:szCs w:val="24"/>
          <w:u w:val="single"/>
        </w:rPr>
        <w:t>5</w:t>
      </w:r>
    </w:p>
    <w:p w14:paraId="3BF2FD5E" w14:textId="005557AE" w:rsidR="00057261" w:rsidRDefault="000B2436" w:rsidP="00057261">
      <w:pPr>
        <w:spacing w:before="100" w:beforeAutospacing="1" w:after="100" w:afterAutospacing="1" w:line="240" w:lineRule="auto"/>
        <w:rPr>
          <w:rFonts w:eastAsia="Times New Roman"/>
          <w:sz w:val="24"/>
          <w:szCs w:val="24"/>
        </w:rPr>
      </w:pPr>
      <w:r w:rsidRPr="000B2436">
        <w:rPr>
          <w:rFonts w:eastAsia="Times New Roman"/>
          <w:sz w:val="24"/>
          <w:szCs w:val="24"/>
        </w:rPr>
        <w:t>Below are quick simple i</w:t>
      </w:r>
      <w:r w:rsidRPr="0017796B">
        <w:rPr>
          <w:rFonts w:eastAsia="Times New Roman"/>
          <w:sz w:val="24"/>
          <w:szCs w:val="24"/>
        </w:rPr>
        <w:t xml:space="preserve">nstructions for filing your </w:t>
      </w:r>
      <w:r w:rsidR="00363F32">
        <w:rPr>
          <w:rFonts w:eastAsia="Times New Roman"/>
          <w:sz w:val="24"/>
          <w:szCs w:val="24"/>
        </w:rPr>
        <w:t>20</w:t>
      </w:r>
      <w:r w:rsidR="001B2644">
        <w:rPr>
          <w:rFonts w:eastAsia="Times New Roman"/>
          <w:sz w:val="24"/>
          <w:szCs w:val="24"/>
        </w:rPr>
        <w:t>2</w:t>
      </w:r>
      <w:r w:rsidR="00636B38">
        <w:rPr>
          <w:rFonts w:eastAsia="Times New Roman"/>
          <w:sz w:val="24"/>
          <w:szCs w:val="24"/>
        </w:rPr>
        <w:t>5</w:t>
      </w:r>
      <w:r w:rsidRPr="000B2436">
        <w:rPr>
          <w:rFonts w:eastAsia="Times New Roman"/>
          <w:sz w:val="24"/>
          <w:szCs w:val="24"/>
        </w:rPr>
        <w:t xml:space="preserve"> Byrd Certification.</w:t>
      </w:r>
      <w:r w:rsidR="0000150A">
        <w:rPr>
          <w:rFonts w:eastAsia="Times New Roman"/>
          <w:sz w:val="24"/>
          <w:szCs w:val="24"/>
        </w:rPr>
        <w:t xml:space="preserve"> </w:t>
      </w:r>
    </w:p>
    <w:p w14:paraId="73EED5B0" w14:textId="3D785E97" w:rsidR="000B2436" w:rsidRPr="000B2436" w:rsidRDefault="0000150A" w:rsidP="00057261">
      <w:pPr>
        <w:spacing w:before="100" w:beforeAutospacing="1" w:after="100" w:afterAutospacing="1" w:line="240" w:lineRule="auto"/>
        <w:rPr>
          <w:rFonts w:eastAsia="Times New Roman"/>
          <w:sz w:val="24"/>
          <w:szCs w:val="24"/>
        </w:rPr>
      </w:pPr>
      <w:r w:rsidRPr="000B2436">
        <w:rPr>
          <w:rFonts w:eastAsia="Times New Roman"/>
          <w:sz w:val="24"/>
          <w:szCs w:val="24"/>
        </w:rPr>
        <w:t xml:space="preserve">If you filed in </w:t>
      </w:r>
      <w:r w:rsidR="001B2644">
        <w:rPr>
          <w:rFonts w:eastAsia="Times New Roman"/>
          <w:sz w:val="24"/>
          <w:szCs w:val="24"/>
        </w:rPr>
        <w:t>20</w:t>
      </w:r>
      <w:r w:rsidR="00F64DB0">
        <w:rPr>
          <w:rFonts w:eastAsia="Times New Roman"/>
          <w:sz w:val="24"/>
          <w:szCs w:val="24"/>
        </w:rPr>
        <w:t>2</w:t>
      </w:r>
      <w:r w:rsidR="00636B38">
        <w:rPr>
          <w:rFonts w:eastAsia="Times New Roman"/>
          <w:sz w:val="24"/>
          <w:szCs w:val="24"/>
        </w:rPr>
        <w:t>4</w:t>
      </w:r>
      <w:r w:rsidRPr="000B2436">
        <w:rPr>
          <w:rFonts w:eastAsia="Times New Roman"/>
          <w:sz w:val="24"/>
          <w:szCs w:val="24"/>
        </w:rPr>
        <w:t xml:space="preserve">, </w:t>
      </w:r>
      <w:r w:rsidR="00EB627D">
        <w:rPr>
          <w:rFonts w:eastAsia="Times New Roman"/>
          <w:sz w:val="24"/>
          <w:szCs w:val="24"/>
        </w:rPr>
        <w:t>most</w:t>
      </w:r>
      <w:r w:rsidRPr="000B2436">
        <w:rPr>
          <w:rFonts w:eastAsia="Times New Roman"/>
          <w:sz w:val="24"/>
          <w:szCs w:val="24"/>
        </w:rPr>
        <w:t xml:space="preserve"> information will be nearly identical from your </w:t>
      </w:r>
      <w:r w:rsidR="00363F32">
        <w:rPr>
          <w:rFonts w:eastAsia="Times New Roman"/>
          <w:sz w:val="24"/>
          <w:szCs w:val="24"/>
        </w:rPr>
        <w:t>20</w:t>
      </w:r>
      <w:r w:rsidR="00F64DB0">
        <w:rPr>
          <w:rFonts w:eastAsia="Times New Roman"/>
          <w:sz w:val="24"/>
          <w:szCs w:val="24"/>
        </w:rPr>
        <w:t>2</w:t>
      </w:r>
      <w:r w:rsidR="00636B38">
        <w:rPr>
          <w:rFonts w:eastAsia="Times New Roman"/>
          <w:sz w:val="24"/>
          <w:szCs w:val="24"/>
        </w:rPr>
        <w:t>4</w:t>
      </w:r>
      <w:r w:rsidR="001B1B14">
        <w:rPr>
          <w:rFonts w:eastAsia="Times New Roman"/>
          <w:sz w:val="24"/>
          <w:szCs w:val="24"/>
        </w:rPr>
        <w:t xml:space="preserve"> certification form.  </w:t>
      </w:r>
    </w:p>
    <w:p w14:paraId="2C88B946" w14:textId="77777777" w:rsidR="00852F89" w:rsidRPr="00483923" w:rsidRDefault="00346DAB" w:rsidP="00346DAB">
      <w:pPr>
        <w:numPr>
          <w:ilvl w:val="0"/>
          <w:numId w:val="2"/>
        </w:numPr>
        <w:spacing w:before="100" w:beforeAutospacing="1" w:after="100" w:afterAutospacing="1" w:line="240" w:lineRule="auto"/>
        <w:rPr>
          <w:rFonts w:eastAsia="Times New Roman"/>
          <w:sz w:val="24"/>
          <w:szCs w:val="24"/>
        </w:rPr>
      </w:pPr>
      <w:r>
        <w:rPr>
          <w:rFonts w:eastAsia="Times New Roman"/>
          <w:sz w:val="24"/>
          <w:szCs w:val="24"/>
        </w:rPr>
        <w:t xml:space="preserve">Complete the enclosed </w:t>
      </w:r>
      <w:proofErr w:type="spellStart"/>
      <w:r>
        <w:rPr>
          <w:rFonts w:eastAsia="Times New Roman"/>
          <w:sz w:val="24"/>
          <w:szCs w:val="24"/>
        </w:rPr>
        <w:t>CBP</w:t>
      </w:r>
      <w:proofErr w:type="spellEnd"/>
      <w:r w:rsidR="0000150A" w:rsidRPr="00483923">
        <w:rPr>
          <w:rFonts w:eastAsia="Times New Roman"/>
          <w:sz w:val="24"/>
          <w:szCs w:val="24"/>
        </w:rPr>
        <w:t xml:space="preserve"> Form 7401 </w:t>
      </w:r>
      <w:r>
        <w:rPr>
          <w:rFonts w:eastAsia="Times New Roman"/>
          <w:sz w:val="24"/>
          <w:szCs w:val="24"/>
        </w:rPr>
        <w:t>(“</w:t>
      </w:r>
      <w:r w:rsidRPr="00346DAB">
        <w:rPr>
          <w:rFonts w:eastAsia="Times New Roman"/>
          <w:sz w:val="24"/>
          <w:szCs w:val="24"/>
        </w:rPr>
        <w:t>Continued Dumping and Subsidy Offset Act of 2000 Form</w:t>
      </w:r>
      <w:r>
        <w:rPr>
          <w:rFonts w:eastAsia="Times New Roman"/>
          <w:sz w:val="24"/>
          <w:szCs w:val="24"/>
        </w:rPr>
        <w:t>”)</w:t>
      </w:r>
    </w:p>
    <w:p w14:paraId="56CC175C" w14:textId="6C137B5B" w:rsidR="00852F89" w:rsidRPr="00483923" w:rsidRDefault="0000150A" w:rsidP="00852F89">
      <w:pPr>
        <w:numPr>
          <w:ilvl w:val="0"/>
          <w:numId w:val="2"/>
        </w:numPr>
        <w:spacing w:before="100" w:beforeAutospacing="1" w:after="100" w:afterAutospacing="1" w:line="240" w:lineRule="auto"/>
        <w:rPr>
          <w:rFonts w:eastAsia="Times New Roman"/>
          <w:sz w:val="24"/>
          <w:szCs w:val="24"/>
        </w:rPr>
      </w:pPr>
      <w:r w:rsidRPr="00483923">
        <w:rPr>
          <w:rFonts w:eastAsia="Times New Roman"/>
          <w:sz w:val="24"/>
          <w:szCs w:val="24"/>
        </w:rPr>
        <w:t xml:space="preserve">You only need to file ONE form for each </w:t>
      </w:r>
      <w:proofErr w:type="gramStart"/>
      <w:r w:rsidRPr="00483923">
        <w:rPr>
          <w:rFonts w:eastAsia="Times New Roman"/>
          <w:sz w:val="24"/>
          <w:szCs w:val="24"/>
        </w:rPr>
        <w:t>case, but</w:t>
      </w:r>
      <w:proofErr w:type="gramEnd"/>
      <w:r w:rsidRPr="00483923">
        <w:rPr>
          <w:rFonts w:eastAsia="Times New Roman"/>
          <w:sz w:val="24"/>
          <w:szCs w:val="24"/>
        </w:rPr>
        <w:t xml:space="preserve"> be sure to list all three </w:t>
      </w:r>
      <w:r w:rsidR="00EB627D" w:rsidRPr="00EB627D">
        <w:rPr>
          <w:rFonts w:eastAsia="Times New Roman"/>
          <w:sz w:val="24"/>
          <w:szCs w:val="24"/>
        </w:rPr>
        <w:t>AD and CVD orders (</w:t>
      </w:r>
      <w:r w:rsidR="00EB627D" w:rsidRPr="00EB627D">
        <w:rPr>
          <w:rFonts w:eastAsia="Times New Roman"/>
          <w:sz w:val="24"/>
          <w:szCs w:val="24"/>
          <w:u w:val="single"/>
        </w:rPr>
        <w:t>i.e.</w:t>
      </w:r>
      <w:r w:rsidR="00EB627D" w:rsidRPr="00EB627D">
        <w:rPr>
          <w:rFonts w:eastAsia="Times New Roman"/>
          <w:sz w:val="24"/>
          <w:szCs w:val="24"/>
        </w:rPr>
        <w:t>, AD order on China, and AD and CVD orders on Argentina</w:t>
      </w:r>
      <w:r w:rsidR="00EB627D">
        <w:rPr>
          <w:rFonts w:eastAsia="Times New Roman"/>
          <w:sz w:val="24"/>
          <w:szCs w:val="24"/>
        </w:rPr>
        <w:t>)</w:t>
      </w:r>
      <w:r w:rsidR="00EB627D" w:rsidRPr="00EB627D">
        <w:rPr>
          <w:rFonts w:eastAsia="Times New Roman"/>
          <w:sz w:val="24"/>
          <w:szCs w:val="24"/>
        </w:rPr>
        <w:t xml:space="preserve"> </w:t>
      </w:r>
      <w:r w:rsidRPr="00483923">
        <w:rPr>
          <w:rFonts w:eastAsia="Times New Roman"/>
          <w:sz w:val="24"/>
          <w:szCs w:val="24"/>
        </w:rPr>
        <w:t xml:space="preserve">on page 3. </w:t>
      </w:r>
    </w:p>
    <w:p w14:paraId="6EA90FCB" w14:textId="77777777" w:rsidR="00852F89" w:rsidRPr="00483923" w:rsidRDefault="0000150A" w:rsidP="00852F89">
      <w:pPr>
        <w:numPr>
          <w:ilvl w:val="0"/>
          <w:numId w:val="2"/>
        </w:numPr>
        <w:spacing w:before="100" w:beforeAutospacing="1" w:after="100" w:afterAutospacing="1" w:line="240" w:lineRule="auto"/>
        <w:rPr>
          <w:rFonts w:eastAsia="Times New Roman"/>
          <w:sz w:val="24"/>
          <w:szCs w:val="24"/>
        </w:rPr>
      </w:pPr>
      <w:r w:rsidRPr="00483923">
        <w:rPr>
          <w:rFonts w:eastAsia="Times New Roman"/>
          <w:sz w:val="24"/>
          <w:szCs w:val="24"/>
        </w:rPr>
        <w:t xml:space="preserve">You do NOT need a cover letter as done </w:t>
      </w:r>
      <w:proofErr w:type="gramStart"/>
      <w:r w:rsidRPr="00483923">
        <w:rPr>
          <w:rFonts w:eastAsia="Times New Roman"/>
          <w:sz w:val="24"/>
          <w:szCs w:val="24"/>
        </w:rPr>
        <w:t>a number of</w:t>
      </w:r>
      <w:proofErr w:type="gramEnd"/>
      <w:r w:rsidRPr="00483923">
        <w:rPr>
          <w:rFonts w:eastAsia="Times New Roman"/>
          <w:sz w:val="24"/>
          <w:szCs w:val="24"/>
        </w:rPr>
        <w:t xml:space="preserve"> years ago.</w:t>
      </w:r>
    </w:p>
    <w:p w14:paraId="66CFC3BF" w14:textId="77777777" w:rsidR="00312208" w:rsidRDefault="001A0F4A" w:rsidP="00852F89">
      <w:pPr>
        <w:numPr>
          <w:ilvl w:val="0"/>
          <w:numId w:val="2"/>
        </w:numPr>
        <w:spacing w:before="100" w:beforeAutospacing="1" w:after="100" w:afterAutospacing="1" w:line="240" w:lineRule="auto"/>
        <w:rPr>
          <w:rFonts w:eastAsia="Times New Roman"/>
          <w:sz w:val="24"/>
          <w:szCs w:val="24"/>
        </w:rPr>
      </w:pPr>
      <w:r>
        <w:rPr>
          <w:rFonts w:eastAsia="Times New Roman"/>
          <w:sz w:val="24"/>
          <w:szCs w:val="24"/>
        </w:rPr>
        <w:t xml:space="preserve">Mail to the following </w:t>
      </w:r>
      <w:r w:rsidR="0000150A" w:rsidRPr="00483923">
        <w:rPr>
          <w:rFonts w:eastAsia="Times New Roman"/>
          <w:sz w:val="24"/>
          <w:szCs w:val="24"/>
        </w:rPr>
        <w:t xml:space="preserve">address. </w:t>
      </w:r>
    </w:p>
    <w:p w14:paraId="4B9570E5" w14:textId="77777777" w:rsidR="00312208" w:rsidRPr="00312208" w:rsidRDefault="001A0F4A" w:rsidP="00312208">
      <w:pPr>
        <w:spacing w:after="0" w:line="240" w:lineRule="auto"/>
        <w:ind w:left="1440"/>
        <w:rPr>
          <w:rFonts w:eastAsia="Times New Roman"/>
          <w:sz w:val="24"/>
          <w:szCs w:val="24"/>
        </w:rPr>
      </w:pPr>
      <w:r w:rsidRPr="00312208">
        <w:rPr>
          <w:rFonts w:eastAsia="Times New Roman"/>
          <w:sz w:val="24"/>
          <w:szCs w:val="24"/>
        </w:rPr>
        <w:t>U.S. Customs and Border Protection</w:t>
      </w:r>
      <w:r w:rsidR="00D26F6B">
        <w:rPr>
          <w:rFonts w:eastAsia="Times New Roman"/>
          <w:sz w:val="24"/>
          <w:szCs w:val="24"/>
        </w:rPr>
        <w:t>,</w:t>
      </w:r>
      <w:r w:rsidRPr="00312208">
        <w:rPr>
          <w:rFonts w:eastAsia="Times New Roman"/>
          <w:sz w:val="24"/>
          <w:szCs w:val="24"/>
        </w:rPr>
        <w:t xml:space="preserve"> Revenue Division</w:t>
      </w:r>
    </w:p>
    <w:p w14:paraId="3F18DA5B" w14:textId="77777777" w:rsidR="00312208" w:rsidRPr="00312208" w:rsidRDefault="001A0F4A" w:rsidP="00312208">
      <w:pPr>
        <w:spacing w:after="0" w:line="240" w:lineRule="auto"/>
        <w:ind w:left="1440"/>
        <w:rPr>
          <w:rFonts w:eastAsia="Times New Roman"/>
          <w:sz w:val="24"/>
          <w:szCs w:val="24"/>
        </w:rPr>
      </w:pPr>
      <w:r w:rsidRPr="00312208">
        <w:rPr>
          <w:rFonts w:eastAsia="Times New Roman"/>
          <w:sz w:val="24"/>
          <w:szCs w:val="24"/>
        </w:rPr>
        <w:t>Attn: CDSOA Team</w:t>
      </w:r>
    </w:p>
    <w:p w14:paraId="377DB4BE" w14:textId="77777777" w:rsidR="00D26F6B" w:rsidRDefault="00D26F6B" w:rsidP="00312208">
      <w:pPr>
        <w:spacing w:after="0" w:line="240" w:lineRule="auto"/>
        <w:ind w:left="1440"/>
        <w:rPr>
          <w:rFonts w:eastAsia="Times New Roman"/>
          <w:sz w:val="24"/>
          <w:szCs w:val="24"/>
        </w:rPr>
      </w:pPr>
      <w:r w:rsidRPr="00D26F6B">
        <w:rPr>
          <w:rFonts w:eastAsia="Times New Roman"/>
          <w:sz w:val="24"/>
          <w:szCs w:val="24"/>
        </w:rPr>
        <w:t>8899 E. 56th Street</w:t>
      </w:r>
    </w:p>
    <w:p w14:paraId="6C8BB523" w14:textId="77777777" w:rsidR="00312208" w:rsidRPr="00312208" w:rsidRDefault="001A0F4A" w:rsidP="00312208">
      <w:pPr>
        <w:spacing w:after="0" w:line="240" w:lineRule="auto"/>
        <w:ind w:left="1440"/>
        <w:rPr>
          <w:rFonts w:eastAsia="Times New Roman"/>
          <w:sz w:val="24"/>
          <w:szCs w:val="24"/>
        </w:rPr>
      </w:pPr>
      <w:r w:rsidRPr="00312208">
        <w:rPr>
          <w:rFonts w:eastAsia="Times New Roman"/>
          <w:sz w:val="24"/>
          <w:szCs w:val="24"/>
        </w:rPr>
        <w:t xml:space="preserve">Indianapolis, IN </w:t>
      </w:r>
      <w:r w:rsidR="00D26F6B" w:rsidRPr="00D26F6B">
        <w:rPr>
          <w:rFonts w:eastAsia="Times New Roman"/>
          <w:sz w:val="24"/>
          <w:szCs w:val="24"/>
        </w:rPr>
        <w:t>46249</w:t>
      </w:r>
    </w:p>
    <w:p w14:paraId="46B0F0EE" w14:textId="5BD84081" w:rsidR="00852F89" w:rsidRPr="00EB627D" w:rsidRDefault="0000150A" w:rsidP="00852F89">
      <w:pPr>
        <w:numPr>
          <w:ilvl w:val="0"/>
          <w:numId w:val="2"/>
        </w:numPr>
        <w:spacing w:before="100" w:beforeAutospacing="1" w:after="100" w:afterAutospacing="1" w:line="240" w:lineRule="auto"/>
        <w:rPr>
          <w:rFonts w:eastAsia="Times New Roman"/>
          <w:sz w:val="24"/>
          <w:szCs w:val="24"/>
        </w:rPr>
      </w:pPr>
      <w:r w:rsidRPr="00483923">
        <w:rPr>
          <w:rFonts w:eastAsia="Times New Roman"/>
          <w:sz w:val="24"/>
          <w:szCs w:val="24"/>
        </w:rPr>
        <w:t xml:space="preserve">You might consider sending your certification </w:t>
      </w:r>
      <w:r w:rsidRPr="00EB627D">
        <w:rPr>
          <w:rFonts w:eastAsia="Times New Roman"/>
          <w:sz w:val="24"/>
          <w:szCs w:val="24"/>
        </w:rPr>
        <w:t>via overnight courier or registered mail to ensure that Customs receives it by</w:t>
      </w:r>
      <w:r w:rsidR="001F6029" w:rsidRPr="00EB627D">
        <w:rPr>
          <w:rFonts w:eastAsia="Times New Roman"/>
          <w:sz w:val="24"/>
          <w:szCs w:val="24"/>
        </w:rPr>
        <w:t xml:space="preserve"> not later than</w:t>
      </w:r>
      <w:r w:rsidRPr="00EB627D">
        <w:rPr>
          <w:rFonts w:eastAsia="Times New Roman"/>
          <w:sz w:val="24"/>
          <w:szCs w:val="24"/>
        </w:rPr>
        <w:t xml:space="preserve"> </w:t>
      </w:r>
      <w:r w:rsidR="00EB627D" w:rsidRPr="00EB627D">
        <w:rPr>
          <w:rFonts w:eastAsia="Times New Roman"/>
          <w:b/>
          <w:color w:val="FF0000"/>
          <w:sz w:val="24"/>
          <w:szCs w:val="24"/>
        </w:rPr>
        <w:t>Tuesday</w:t>
      </w:r>
      <w:r w:rsidR="003D1B66" w:rsidRPr="00EB627D">
        <w:rPr>
          <w:rFonts w:eastAsia="Times New Roman"/>
          <w:b/>
          <w:color w:val="FF0000"/>
          <w:sz w:val="24"/>
          <w:szCs w:val="24"/>
        </w:rPr>
        <w:t xml:space="preserve">, </w:t>
      </w:r>
      <w:r w:rsidR="00EF0997" w:rsidRPr="00EB627D">
        <w:rPr>
          <w:rFonts w:eastAsia="Times New Roman"/>
          <w:b/>
          <w:color w:val="FF0000"/>
          <w:sz w:val="24"/>
          <w:szCs w:val="24"/>
        </w:rPr>
        <w:t xml:space="preserve">July </w:t>
      </w:r>
      <w:r w:rsidR="00636B38">
        <w:rPr>
          <w:rFonts w:eastAsia="Times New Roman"/>
          <w:b/>
          <w:color w:val="FF0000"/>
          <w:sz w:val="24"/>
          <w:szCs w:val="24"/>
        </w:rPr>
        <w:t>29</w:t>
      </w:r>
      <w:r w:rsidR="003D1B66" w:rsidRPr="00EB627D">
        <w:rPr>
          <w:rFonts w:eastAsia="Times New Roman"/>
          <w:b/>
          <w:color w:val="FF0000"/>
          <w:sz w:val="24"/>
          <w:szCs w:val="24"/>
        </w:rPr>
        <w:t>, 202</w:t>
      </w:r>
      <w:r w:rsidR="00636B38">
        <w:rPr>
          <w:rFonts w:eastAsia="Times New Roman"/>
          <w:b/>
          <w:color w:val="FF0000"/>
          <w:sz w:val="24"/>
          <w:szCs w:val="24"/>
        </w:rPr>
        <w:t>5</w:t>
      </w:r>
      <w:r w:rsidRPr="00EB627D">
        <w:rPr>
          <w:rFonts w:eastAsia="Times New Roman"/>
          <w:sz w:val="24"/>
          <w:szCs w:val="24"/>
        </w:rPr>
        <w:t xml:space="preserve">. </w:t>
      </w:r>
      <w:r w:rsidR="001F6029" w:rsidRPr="00EB627D">
        <w:rPr>
          <w:rFonts w:eastAsia="Times New Roman"/>
          <w:sz w:val="24"/>
          <w:szCs w:val="24"/>
        </w:rPr>
        <w:t xml:space="preserve">Because any certification received after </w:t>
      </w:r>
      <w:r w:rsidR="00074CB7" w:rsidRPr="00EB627D">
        <w:rPr>
          <w:rFonts w:eastAsia="Times New Roman"/>
          <w:sz w:val="24"/>
          <w:szCs w:val="24"/>
        </w:rPr>
        <w:t xml:space="preserve">July </w:t>
      </w:r>
      <w:r w:rsidR="00636B38">
        <w:rPr>
          <w:rFonts w:eastAsia="Times New Roman"/>
          <w:sz w:val="24"/>
          <w:szCs w:val="24"/>
        </w:rPr>
        <w:t>29</w:t>
      </w:r>
      <w:r w:rsidR="001F6029" w:rsidRPr="00EB627D">
        <w:rPr>
          <w:rFonts w:eastAsia="Times New Roman"/>
          <w:sz w:val="24"/>
          <w:szCs w:val="24"/>
        </w:rPr>
        <w:t xml:space="preserve"> will be rejected, we recommend you </w:t>
      </w:r>
      <w:proofErr w:type="gramStart"/>
      <w:r w:rsidR="001F6029" w:rsidRPr="00EB627D">
        <w:rPr>
          <w:rFonts w:eastAsia="Times New Roman"/>
          <w:sz w:val="24"/>
          <w:szCs w:val="24"/>
        </w:rPr>
        <w:t>make arrangements</w:t>
      </w:r>
      <w:proofErr w:type="gramEnd"/>
      <w:r w:rsidR="001F6029" w:rsidRPr="00EB627D">
        <w:rPr>
          <w:rFonts w:eastAsia="Times New Roman"/>
          <w:sz w:val="24"/>
          <w:szCs w:val="24"/>
        </w:rPr>
        <w:t xml:space="preserve"> to ensure your certification is </w:t>
      </w:r>
      <w:r w:rsidRPr="00EB627D">
        <w:rPr>
          <w:rFonts w:eastAsia="Times New Roman"/>
          <w:b/>
          <w:bCs/>
          <w:color w:val="FF0000"/>
          <w:sz w:val="24"/>
          <w:szCs w:val="24"/>
        </w:rPr>
        <w:t xml:space="preserve">RECEIVED by Customs by </w:t>
      </w:r>
      <w:r w:rsidR="00EB627D" w:rsidRPr="00EB627D">
        <w:rPr>
          <w:rFonts w:eastAsia="Times New Roman"/>
          <w:b/>
          <w:color w:val="FF0000"/>
          <w:sz w:val="24"/>
          <w:szCs w:val="24"/>
        </w:rPr>
        <w:t>Tuesday</w:t>
      </w:r>
      <w:r w:rsidR="003D1B66" w:rsidRPr="00EB627D">
        <w:rPr>
          <w:rFonts w:eastAsia="Times New Roman"/>
          <w:b/>
          <w:color w:val="FF0000"/>
          <w:sz w:val="24"/>
          <w:szCs w:val="24"/>
        </w:rPr>
        <w:t xml:space="preserve">, </w:t>
      </w:r>
      <w:r w:rsidR="00EF0997" w:rsidRPr="00EB627D">
        <w:rPr>
          <w:rFonts w:eastAsia="Times New Roman"/>
          <w:b/>
          <w:color w:val="FF0000"/>
          <w:sz w:val="24"/>
          <w:szCs w:val="24"/>
        </w:rPr>
        <w:t xml:space="preserve">July </w:t>
      </w:r>
      <w:r w:rsidR="00636B38">
        <w:rPr>
          <w:rFonts w:eastAsia="Times New Roman"/>
          <w:b/>
          <w:color w:val="FF0000"/>
          <w:sz w:val="24"/>
          <w:szCs w:val="24"/>
        </w:rPr>
        <w:t>29</w:t>
      </w:r>
      <w:r w:rsidR="003D1B66" w:rsidRPr="00EB627D">
        <w:rPr>
          <w:rFonts w:eastAsia="Times New Roman"/>
          <w:b/>
          <w:color w:val="FF0000"/>
          <w:sz w:val="24"/>
          <w:szCs w:val="24"/>
        </w:rPr>
        <w:t>, 202</w:t>
      </w:r>
      <w:r w:rsidR="00636B38">
        <w:rPr>
          <w:rFonts w:eastAsia="Times New Roman"/>
          <w:b/>
          <w:color w:val="FF0000"/>
          <w:sz w:val="24"/>
          <w:szCs w:val="24"/>
        </w:rPr>
        <w:t>5</w:t>
      </w:r>
      <w:r w:rsidR="00EE4F24" w:rsidRPr="00EB627D">
        <w:rPr>
          <w:rFonts w:eastAsia="Times New Roman"/>
          <w:b/>
          <w:bCs/>
          <w:color w:val="FF0000"/>
          <w:sz w:val="24"/>
          <w:szCs w:val="24"/>
        </w:rPr>
        <w:t>,</w:t>
      </w:r>
      <w:r w:rsidR="008D1CF5" w:rsidRPr="00EB627D">
        <w:rPr>
          <w:rFonts w:eastAsia="Times New Roman"/>
          <w:sz w:val="24"/>
          <w:szCs w:val="24"/>
        </w:rPr>
        <w:t xml:space="preserve"> </w:t>
      </w:r>
      <w:r w:rsidRPr="00EB627D">
        <w:rPr>
          <w:rFonts w:eastAsia="Times New Roman"/>
          <w:sz w:val="24"/>
          <w:szCs w:val="24"/>
        </w:rPr>
        <w:t>not just postmarked. If it is not received by the deadline, you will not be eligible for disbursement.</w:t>
      </w:r>
    </w:p>
    <w:p w14:paraId="0D17C5FD" w14:textId="77777777" w:rsidR="00852F89" w:rsidRDefault="0000150A" w:rsidP="00852F89">
      <w:pPr>
        <w:numPr>
          <w:ilvl w:val="0"/>
          <w:numId w:val="2"/>
        </w:numPr>
        <w:spacing w:before="100" w:beforeAutospacing="1" w:after="100" w:afterAutospacing="1" w:line="240" w:lineRule="auto"/>
        <w:rPr>
          <w:rFonts w:eastAsia="Times New Roman"/>
          <w:sz w:val="24"/>
          <w:szCs w:val="24"/>
        </w:rPr>
      </w:pPr>
      <w:r w:rsidRPr="00EB627D">
        <w:rPr>
          <w:rFonts w:eastAsia="Times New Roman"/>
          <w:sz w:val="24"/>
          <w:szCs w:val="24"/>
        </w:rPr>
        <w:t xml:space="preserve">You may also file online at </w:t>
      </w:r>
      <w:r w:rsidRPr="00EB627D">
        <w:rPr>
          <w:rFonts w:eastAsia="Times New Roman"/>
          <w:color w:val="0000FF"/>
          <w:sz w:val="24"/>
          <w:szCs w:val="24"/>
          <w:u w:val="single"/>
        </w:rPr>
        <w:t>Pay.Gov</w:t>
      </w:r>
      <w:r w:rsidRPr="00EB627D">
        <w:rPr>
          <w:rFonts w:eastAsia="Times New Roman"/>
          <w:sz w:val="24"/>
          <w:szCs w:val="24"/>
        </w:rPr>
        <w:t>.</w:t>
      </w:r>
      <w:r w:rsidR="006E3208" w:rsidRPr="00EB627D">
        <w:rPr>
          <w:rFonts w:eastAsia="Times New Roman"/>
          <w:sz w:val="24"/>
          <w:szCs w:val="24"/>
        </w:rPr>
        <w:t xml:space="preserve">  </w:t>
      </w:r>
      <w:r w:rsidRPr="00EB627D">
        <w:rPr>
          <w:rFonts w:eastAsia="Times New Roman"/>
          <w:sz w:val="24"/>
          <w:szCs w:val="24"/>
        </w:rPr>
        <w:t>The instructions</w:t>
      </w:r>
      <w:r w:rsidRPr="00483923">
        <w:rPr>
          <w:rFonts w:eastAsia="Times New Roman"/>
          <w:sz w:val="24"/>
          <w:szCs w:val="24"/>
        </w:rPr>
        <w:t xml:space="preserve"> and the link to the site are below. </w:t>
      </w:r>
      <w:r w:rsidR="001338FE">
        <w:rPr>
          <w:rFonts w:eastAsia="Times New Roman"/>
          <w:sz w:val="24"/>
          <w:szCs w:val="24"/>
        </w:rPr>
        <w:t xml:space="preserve"> </w:t>
      </w:r>
    </w:p>
    <w:p w14:paraId="6413211F" w14:textId="77777777" w:rsidR="00EF0997" w:rsidRPr="00AA08DF" w:rsidRDefault="001A0F4A" w:rsidP="00EF0997">
      <w:pPr>
        <w:spacing w:before="100" w:beforeAutospacing="1" w:after="100" w:afterAutospacing="1" w:line="240" w:lineRule="auto"/>
        <w:rPr>
          <w:rFonts w:eastAsia="Times New Roman"/>
          <w:sz w:val="24"/>
          <w:szCs w:val="24"/>
        </w:rPr>
      </w:pPr>
      <w:r w:rsidRPr="00EF0997">
        <w:rPr>
          <w:rFonts w:eastAsia="Times New Roman"/>
          <w:sz w:val="24"/>
          <w:szCs w:val="24"/>
          <w:u w:val="single"/>
        </w:rPr>
        <w:t>Pay.gov online certification</w:t>
      </w:r>
      <w:r>
        <w:rPr>
          <w:rFonts w:eastAsia="Times New Roman"/>
          <w:sz w:val="24"/>
          <w:szCs w:val="24"/>
        </w:rPr>
        <w:t xml:space="preserve">: </w:t>
      </w:r>
      <w:r w:rsidRPr="00EF0997">
        <w:rPr>
          <w:rFonts w:eastAsia="Times New Roman"/>
          <w:sz w:val="24"/>
          <w:szCs w:val="24"/>
        </w:rPr>
        <w:t>https://www.pay.gov/public/form/start/8776895/</w:t>
      </w:r>
    </w:p>
    <w:p w14:paraId="4CEA9487" w14:textId="67B48653" w:rsidR="000B2436" w:rsidRPr="000B2436" w:rsidRDefault="0000150A" w:rsidP="000B2436">
      <w:pPr>
        <w:spacing w:before="100" w:beforeAutospacing="1" w:after="100" w:afterAutospacing="1" w:line="240" w:lineRule="auto"/>
        <w:rPr>
          <w:rFonts w:eastAsia="Times New Roman"/>
          <w:sz w:val="24"/>
          <w:szCs w:val="24"/>
        </w:rPr>
      </w:pPr>
      <w:r w:rsidRPr="000B2436">
        <w:rPr>
          <w:rFonts w:eastAsia="Times New Roman"/>
          <w:sz w:val="24"/>
          <w:szCs w:val="24"/>
        </w:rPr>
        <w:t xml:space="preserve">This certification of Byrd money through </w:t>
      </w:r>
      <w:proofErr w:type="spellStart"/>
      <w:r w:rsidRPr="000B2436">
        <w:rPr>
          <w:rFonts w:eastAsia="Times New Roman"/>
          <w:sz w:val="24"/>
          <w:szCs w:val="24"/>
        </w:rPr>
        <w:t>AHPA</w:t>
      </w:r>
      <w:proofErr w:type="spellEnd"/>
      <w:r w:rsidRPr="000B2436">
        <w:rPr>
          <w:rFonts w:eastAsia="Times New Roman"/>
          <w:sz w:val="24"/>
          <w:szCs w:val="24"/>
        </w:rPr>
        <w:t xml:space="preserve"> is only available to beekeepers who have been continuous </w:t>
      </w:r>
      <w:proofErr w:type="spellStart"/>
      <w:r w:rsidRPr="000B2436">
        <w:rPr>
          <w:rFonts w:eastAsia="Times New Roman"/>
          <w:sz w:val="24"/>
          <w:szCs w:val="24"/>
        </w:rPr>
        <w:t>AHPA</w:t>
      </w:r>
      <w:proofErr w:type="spellEnd"/>
      <w:r w:rsidRPr="000B2436">
        <w:rPr>
          <w:rFonts w:eastAsia="Times New Roman"/>
          <w:sz w:val="24"/>
          <w:szCs w:val="24"/>
        </w:rPr>
        <w:t xml:space="preserve"> members from</w:t>
      </w:r>
      <w:r w:rsidR="000F0E36">
        <w:rPr>
          <w:rFonts w:eastAsia="Times New Roman"/>
          <w:sz w:val="24"/>
          <w:szCs w:val="24"/>
        </w:rPr>
        <w:t xml:space="preserve"> September 29, </w:t>
      </w:r>
      <w:proofErr w:type="gramStart"/>
      <w:r w:rsidR="000F0E36">
        <w:rPr>
          <w:rFonts w:eastAsia="Times New Roman"/>
          <w:sz w:val="24"/>
          <w:szCs w:val="24"/>
        </w:rPr>
        <w:t>200</w:t>
      </w:r>
      <w:r w:rsidR="00F309DF">
        <w:rPr>
          <w:rFonts w:eastAsia="Times New Roman"/>
          <w:sz w:val="24"/>
          <w:szCs w:val="24"/>
        </w:rPr>
        <w:t>0</w:t>
      </w:r>
      <w:proofErr w:type="gramEnd"/>
      <w:r w:rsidR="000F0E36">
        <w:rPr>
          <w:rFonts w:eastAsia="Times New Roman"/>
          <w:sz w:val="24"/>
          <w:szCs w:val="24"/>
        </w:rPr>
        <w:t xml:space="preserve"> through </w:t>
      </w:r>
      <w:r w:rsidR="00F64DB0">
        <w:rPr>
          <w:rFonts w:eastAsia="Times New Roman"/>
          <w:sz w:val="24"/>
          <w:szCs w:val="24"/>
        </w:rPr>
        <w:t>202</w:t>
      </w:r>
      <w:r w:rsidR="00636B38">
        <w:rPr>
          <w:rFonts w:eastAsia="Times New Roman"/>
          <w:sz w:val="24"/>
          <w:szCs w:val="24"/>
        </w:rPr>
        <w:t>5</w:t>
      </w:r>
      <w:r w:rsidRPr="000B2436">
        <w:rPr>
          <w:rFonts w:eastAsia="Times New Roman"/>
          <w:sz w:val="24"/>
          <w:szCs w:val="24"/>
        </w:rPr>
        <w:t xml:space="preserve">. If you have not been an </w:t>
      </w:r>
      <w:proofErr w:type="spellStart"/>
      <w:r w:rsidRPr="000B2436">
        <w:rPr>
          <w:rFonts w:eastAsia="Times New Roman"/>
          <w:sz w:val="24"/>
          <w:szCs w:val="24"/>
        </w:rPr>
        <w:t>AHPA</w:t>
      </w:r>
      <w:proofErr w:type="spellEnd"/>
      <w:r w:rsidRPr="000B2436">
        <w:rPr>
          <w:rFonts w:eastAsia="Times New Roman"/>
          <w:sz w:val="24"/>
          <w:szCs w:val="24"/>
        </w:rPr>
        <w:t xml:space="preserve"> member all those years, you should not fill out this certification form. Customs will not accept your certification form if you have not bee</w:t>
      </w:r>
      <w:r w:rsidR="00280A12">
        <w:rPr>
          <w:rFonts w:eastAsia="Times New Roman"/>
          <w:sz w:val="24"/>
          <w:szCs w:val="24"/>
        </w:rPr>
        <w:t xml:space="preserve">n an </w:t>
      </w:r>
      <w:proofErr w:type="spellStart"/>
      <w:r w:rsidR="00280A12">
        <w:rPr>
          <w:rFonts w:eastAsia="Times New Roman"/>
          <w:sz w:val="24"/>
          <w:szCs w:val="24"/>
        </w:rPr>
        <w:t>AHPA</w:t>
      </w:r>
      <w:proofErr w:type="spellEnd"/>
      <w:r w:rsidR="00280A12">
        <w:rPr>
          <w:rFonts w:eastAsia="Times New Roman"/>
          <w:sz w:val="24"/>
          <w:szCs w:val="24"/>
        </w:rPr>
        <w:t xml:space="preserve"> member for the last </w:t>
      </w:r>
      <w:r w:rsidR="00F64DB0">
        <w:rPr>
          <w:rFonts w:eastAsia="Times New Roman"/>
          <w:sz w:val="24"/>
          <w:szCs w:val="24"/>
        </w:rPr>
        <w:t>2</w:t>
      </w:r>
      <w:r w:rsidR="00636B38">
        <w:rPr>
          <w:rFonts w:eastAsia="Times New Roman"/>
          <w:sz w:val="24"/>
          <w:szCs w:val="24"/>
        </w:rPr>
        <w:t>5</w:t>
      </w:r>
      <w:r w:rsidRPr="000B2436">
        <w:rPr>
          <w:rFonts w:eastAsia="Times New Roman"/>
          <w:sz w:val="24"/>
          <w:szCs w:val="24"/>
        </w:rPr>
        <w:t xml:space="preserve"> years or listed in the </w:t>
      </w:r>
      <w:r w:rsidRPr="00074CB7">
        <w:rPr>
          <w:rFonts w:eastAsia="Times New Roman"/>
          <w:sz w:val="24"/>
          <w:szCs w:val="24"/>
          <w:u w:val="single"/>
        </w:rPr>
        <w:t>Federal</w:t>
      </w:r>
      <w:r w:rsidRPr="000B2436">
        <w:rPr>
          <w:rFonts w:eastAsia="Times New Roman"/>
          <w:sz w:val="24"/>
          <w:szCs w:val="24"/>
        </w:rPr>
        <w:t xml:space="preserve"> </w:t>
      </w:r>
      <w:r w:rsidRPr="00074CB7">
        <w:rPr>
          <w:rFonts w:eastAsia="Times New Roman"/>
          <w:sz w:val="24"/>
          <w:szCs w:val="24"/>
          <w:u w:val="single"/>
        </w:rPr>
        <w:t>Register</w:t>
      </w:r>
      <w:r w:rsidRPr="000B2436">
        <w:rPr>
          <w:rFonts w:eastAsia="Times New Roman"/>
          <w:sz w:val="24"/>
          <w:szCs w:val="24"/>
        </w:rPr>
        <w:t xml:space="preserve"> below.</w:t>
      </w:r>
    </w:p>
    <w:p w14:paraId="5E50D8F5" w14:textId="53962B92" w:rsidR="001A71F1" w:rsidRPr="0017796B" w:rsidRDefault="000B2436" w:rsidP="00046D7B">
      <w:pPr>
        <w:spacing w:before="100" w:beforeAutospacing="1" w:after="100" w:afterAutospacing="1" w:line="240" w:lineRule="auto"/>
      </w:pPr>
      <w:r w:rsidRPr="000B2436">
        <w:rPr>
          <w:rFonts w:eastAsia="Times New Roman"/>
          <w:sz w:val="24"/>
          <w:szCs w:val="24"/>
        </w:rPr>
        <w:t xml:space="preserve">If you need additional assistance or need the forms and instructions mailed to </w:t>
      </w:r>
      <w:proofErr w:type="gramStart"/>
      <w:r w:rsidRPr="000B2436">
        <w:rPr>
          <w:rFonts w:eastAsia="Times New Roman"/>
          <w:sz w:val="24"/>
          <w:szCs w:val="24"/>
        </w:rPr>
        <w:t>you</w:t>
      </w:r>
      <w:proofErr w:type="gramEnd"/>
      <w:r w:rsidRPr="000B2436">
        <w:rPr>
          <w:rFonts w:eastAsia="Times New Roman"/>
          <w:sz w:val="24"/>
          <w:szCs w:val="24"/>
        </w:rPr>
        <w:t xml:space="preserve"> please call </w:t>
      </w:r>
      <w:proofErr w:type="spellStart"/>
      <w:r w:rsidRPr="000B2436">
        <w:rPr>
          <w:rFonts w:eastAsia="Times New Roman"/>
          <w:sz w:val="24"/>
          <w:szCs w:val="24"/>
        </w:rPr>
        <w:t>AHPA</w:t>
      </w:r>
      <w:proofErr w:type="spellEnd"/>
      <w:r w:rsidRPr="000B2436">
        <w:rPr>
          <w:rFonts w:eastAsia="Times New Roman"/>
          <w:sz w:val="24"/>
          <w:szCs w:val="24"/>
        </w:rPr>
        <w:t xml:space="preserve"> </w:t>
      </w:r>
      <w:r w:rsidR="00D26F6B">
        <w:rPr>
          <w:rFonts w:eastAsia="Times New Roman"/>
          <w:sz w:val="24"/>
          <w:szCs w:val="24"/>
        </w:rPr>
        <w:t>Program Director</w:t>
      </w:r>
      <w:r w:rsidRPr="000B2436">
        <w:rPr>
          <w:rFonts w:eastAsia="Times New Roman"/>
          <w:sz w:val="24"/>
          <w:szCs w:val="24"/>
        </w:rPr>
        <w:t xml:space="preserve">, </w:t>
      </w:r>
      <w:r w:rsidR="00FA53BE" w:rsidRPr="00FA53BE">
        <w:rPr>
          <w:rFonts w:eastAsia="Times New Roman"/>
          <w:sz w:val="24"/>
          <w:szCs w:val="24"/>
        </w:rPr>
        <w:t>Anne Marie Fauvel</w:t>
      </w:r>
      <w:r w:rsidR="00FA53BE">
        <w:rPr>
          <w:rFonts w:eastAsia="Times New Roman"/>
          <w:sz w:val="24"/>
          <w:szCs w:val="24"/>
        </w:rPr>
        <w:t xml:space="preserve">, at </w:t>
      </w:r>
      <w:r w:rsidR="00EB627D" w:rsidRPr="00EB627D">
        <w:rPr>
          <w:rFonts w:eastAsia="Times New Roman"/>
          <w:sz w:val="24"/>
          <w:szCs w:val="24"/>
        </w:rPr>
        <w:t>616</w:t>
      </w:r>
      <w:r w:rsidR="00EB627D">
        <w:rPr>
          <w:rFonts w:eastAsia="Times New Roman"/>
          <w:sz w:val="24"/>
          <w:szCs w:val="24"/>
        </w:rPr>
        <w:t>-</w:t>
      </w:r>
      <w:r w:rsidR="00EB627D" w:rsidRPr="00EB627D">
        <w:rPr>
          <w:rFonts w:eastAsia="Times New Roman"/>
          <w:sz w:val="24"/>
          <w:szCs w:val="24"/>
        </w:rPr>
        <w:t>566</w:t>
      </w:r>
      <w:r w:rsidR="00EB627D">
        <w:rPr>
          <w:rFonts w:eastAsia="Times New Roman"/>
          <w:sz w:val="24"/>
          <w:szCs w:val="24"/>
        </w:rPr>
        <w:t>-</w:t>
      </w:r>
      <w:r w:rsidR="00EB627D" w:rsidRPr="00EB627D">
        <w:rPr>
          <w:rFonts w:eastAsia="Times New Roman"/>
          <w:sz w:val="24"/>
          <w:szCs w:val="24"/>
        </w:rPr>
        <w:t>2576</w:t>
      </w:r>
      <w:r w:rsidR="00EB627D">
        <w:rPr>
          <w:rFonts w:eastAsia="Times New Roman"/>
          <w:sz w:val="24"/>
          <w:szCs w:val="24"/>
        </w:rPr>
        <w:t xml:space="preserve"> </w:t>
      </w:r>
      <w:r w:rsidRPr="000B2436">
        <w:rPr>
          <w:rFonts w:eastAsia="Times New Roman"/>
          <w:sz w:val="24"/>
          <w:szCs w:val="24"/>
        </w:rPr>
        <w:t xml:space="preserve">or email </w:t>
      </w:r>
      <w:r w:rsidR="00FA53BE" w:rsidRPr="00FA53BE">
        <w:rPr>
          <w:rFonts w:eastAsia="Times New Roman"/>
          <w:sz w:val="24"/>
          <w:szCs w:val="24"/>
        </w:rPr>
        <w:t>annemarie@ahpanet.com</w:t>
      </w:r>
      <w:r w:rsidRPr="000B2436">
        <w:rPr>
          <w:rFonts w:eastAsia="Times New Roman"/>
          <w:sz w:val="24"/>
          <w:szCs w:val="24"/>
        </w:rPr>
        <w:t>.</w:t>
      </w:r>
    </w:p>
    <w:sectPr w:rsidR="001A71F1" w:rsidRPr="0017796B" w:rsidSect="001A71F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17CF924" w14:textId="77777777" w:rsidR="00A76AB3" w:rsidRDefault="00A76AB3">
      <w:pPr>
        <w:spacing w:after="0" w:line="240" w:lineRule="auto"/>
      </w:pPr>
      <w:r>
        <w:separator/>
      </w:r>
    </w:p>
  </w:endnote>
  <w:endnote w:type="continuationSeparator" w:id="0">
    <w:p w14:paraId="779242BC" w14:textId="77777777" w:rsidR="00A76AB3" w:rsidRDefault="00A76AB3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0DD6ABD" w14:textId="77777777" w:rsidR="00151638" w:rsidRDefault="00151638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0BC87C8" w14:textId="77777777" w:rsidR="00C004EC" w:rsidRDefault="00C004EC" w:rsidP="00D350D5">
    <w:pPr>
      <w:pStyle w:val="Footer"/>
    </w:pPr>
  </w:p>
  <w:p w14:paraId="4BB1D5C7" w14:textId="120B815E" w:rsidR="006A0559" w:rsidRDefault="00C004EC" w:rsidP="00C004EC">
    <w:pPr>
      <w:pStyle w:val="Footer"/>
    </w:pPr>
    <w:r>
      <w:fldChar w:fldCharType="begin"/>
    </w:r>
    <w:r>
      <w:instrText xml:space="preserve"> </w:instrText>
    </w:r>
    <w:r w:rsidRPr="00C004EC">
      <w:instrText>IF "</w:instrText>
    </w:r>
    <w:r w:rsidR="00151638">
      <w:fldChar w:fldCharType="begin"/>
    </w:r>
    <w:r w:rsidR="00151638">
      <w:instrText xml:space="preserve"> DOCVARIABLE "SWDocIDLocation" </w:instrText>
    </w:r>
    <w:r w:rsidR="00151638">
      <w:fldChar w:fldCharType="separate"/>
    </w:r>
    <w:r w:rsidR="00151638">
      <w:instrText>1</w:instrText>
    </w:r>
    <w:r w:rsidR="00151638">
      <w:fldChar w:fldCharType="end"/>
    </w:r>
    <w:r w:rsidRPr="00C004EC">
      <w:instrText>" = "1" "</w:instrText>
    </w:r>
    <w:r w:rsidR="00151638">
      <w:fldChar w:fldCharType="begin"/>
    </w:r>
    <w:r w:rsidR="00151638">
      <w:instrText xml:space="preserve"> DOCPROPERTY "SWDocID" </w:instrText>
    </w:r>
    <w:r w:rsidR="00151638">
      <w:fldChar w:fldCharType="separate"/>
    </w:r>
    <w:r w:rsidR="00151638">
      <w:instrText>4930-6813-3705v.1</w:instrText>
    </w:r>
    <w:r w:rsidR="00151638">
      <w:fldChar w:fldCharType="end"/>
    </w:r>
    <w:r w:rsidRPr="00C004EC">
      <w:instrText>" ""</w:instrText>
    </w:r>
    <w:r>
      <w:instrText xml:space="preserve"> </w:instrText>
    </w:r>
    <w:r>
      <w:fldChar w:fldCharType="separate"/>
    </w:r>
    <w:r w:rsidR="00151638">
      <w:rPr>
        <w:noProof/>
      </w:rPr>
      <w:t>4930-6813-3705v.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BDCE514" w14:textId="77777777" w:rsidR="00151638" w:rsidRDefault="00151638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EA007A4" w14:textId="77777777" w:rsidR="00A76AB3" w:rsidRDefault="00A76AB3">
      <w:pPr>
        <w:spacing w:after="0" w:line="240" w:lineRule="auto"/>
      </w:pPr>
      <w:r>
        <w:separator/>
      </w:r>
    </w:p>
  </w:footnote>
  <w:footnote w:type="continuationSeparator" w:id="0">
    <w:p w14:paraId="34C45838" w14:textId="77777777" w:rsidR="00A76AB3" w:rsidRDefault="00A76AB3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7EFF9FD" w14:textId="77777777" w:rsidR="00151638" w:rsidRDefault="00151638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0538BDF" w14:textId="77777777" w:rsidR="00151638" w:rsidRDefault="00151638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57A0DBA" w14:textId="77777777" w:rsidR="00151638" w:rsidRDefault="00151638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E114880"/>
    <w:multiLevelType w:val="multilevel"/>
    <w:tmpl w:val="19F65138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 w:tentative="1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entative="1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entative="1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entative="1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entative="1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abstractNum w:abstractNumId="1" w15:restartNumberingAfterBreak="0">
    <w:nsid w:val="6A951983"/>
    <w:multiLevelType w:val="multilevel"/>
    <w:tmpl w:val="B7C2FD2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entative="1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 w:tentative="1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entative="1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entative="1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entative="1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entative="1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num w:numId="1" w16cid:durableId="282002172">
    <w:abstractNumId w:val="1"/>
  </w:num>
  <w:num w:numId="2" w16cid:durableId="949430528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oNotTrackMoves/>
  <w:defaultTabStop w:val="720"/>
  <w:characterSpacingControl w:val="doNotCompress"/>
  <w:hdrShapeDefaults>
    <o:shapedefaults v:ext="edit" spidmax="7169"/>
  </w:hdrShapeDefaults>
  <w:footnotePr>
    <w:footnote w:id="-1"/>
    <w:footnote w:id="0"/>
  </w:footnotePr>
  <w:endnotePr>
    <w:endnote w:id="-1"/>
    <w:endnote w:id="0"/>
  </w:endnotePr>
  <w:compat>
    <w:useNormalStyleForList/>
    <w:doNotUseIndentAsNumberingTabStop/>
    <w:useAltKinsokuLineBreakRules/>
    <w:allowSpaceOfSameStyleInTable/>
    <w:doNotSuppressIndentation/>
    <w:doNotAutofitConstrainedTables/>
    <w:autofitToFirstFixedWidthCell/>
    <w:displayHangulFixedWidth/>
    <w:splitPgBreakAndParaMark/>
    <w:doNotVertAlignCellWithSp/>
    <w:doNotBreakConstrainedForcedTable/>
    <w:doNotVertAlignInTxbx/>
    <w:useAnsiKerningPairs/>
    <w:cachedColBalance/>
    <w:compatSetting w:name="compatibilityMode" w:uri="http://schemas.microsoft.com/office/word" w:val="11"/>
    <w:compatSetting w:name="allowHyphenationAtTrackBottom" w:uri="http://schemas.microsoft.com/office/word" w:val="1"/>
    <w:compatSetting w:name="useWord2013TrackBottomHyphenation" w:uri="http://schemas.microsoft.com/office/word" w:val="1"/>
  </w:compat>
  <w:docVars>
    <w:docVar w:name="SWDocIDLayout" w:val="2"/>
    <w:docVar w:name="SWDocIDLocation" w:val="1"/>
  </w:docVars>
  <w:rsids>
    <w:rsidRoot w:val="000B2436"/>
    <w:rsid w:val="00000936"/>
    <w:rsid w:val="0000150A"/>
    <w:rsid w:val="00003E7F"/>
    <w:rsid w:val="00004D79"/>
    <w:rsid w:val="00007110"/>
    <w:rsid w:val="00012135"/>
    <w:rsid w:val="00015A00"/>
    <w:rsid w:val="000178F7"/>
    <w:rsid w:val="000207B3"/>
    <w:rsid w:val="00020DDA"/>
    <w:rsid w:val="00020E74"/>
    <w:rsid w:val="00022343"/>
    <w:rsid w:val="0002464D"/>
    <w:rsid w:val="00025DA2"/>
    <w:rsid w:val="00030B88"/>
    <w:rsid w:val="00032578"/>
    <w:rsid w:val="0003695A"/>
    <w:rsid w:val="00036BE1"/>
    <w:rsid w:val="00040DED"/>
    <w:rsid w:val="0004336B"/>
    <w:rsid w:val="00045C41"/>
    <w:rsid w:val="00046D7B"/>
    <w:rsid w:val="000474E0"/>
    <w:rsid w:val="00047A25"/>
    <w:rsid w:val="000508F4"/>
    <w:rsid w:val="00052397"/>
    <w:rsid w:val="00055409"/>
    <w:rsid w:val="000561B7"/>
    <w:rsid w:val="00056623"/>
    <w:rsid w:val="00057261"/>
    <w:rsid w:val="00060827"/>
    <w:rsid w:val="00064CD2"/>
    <w:rsid w:val="000672D8"/>
    <w:rsid w:val="00071290"/>
    <w:rsid w:val="000743E0"/>
    <w:rsid w:val="00074CB7"/>
    <w:rsid w:val="00074E83"/>
    <w:rsid w:val="00074EAC"/>
    <w:rsid w:val="00076C86"/>
    <w:rsid w:val="00080319"/>
    <w:rsid w:val="00080C6B"/>
    <w:rsid w:val="0008230A"/>
    <w:rsid w:val="00087F86"/>
    <w:rsid w:val="0009548E"/>
    <w:rsid w:val="000968B6"/>
    <w:rsid w:val="000A3EFE"/>
    <w:rsid w:val="000A4CB1"/>
    <w:rsid w:val="000A4FC2"/>
    <w:rsid w:val="000A6C76"/>
    <w:rsid w:val="000B1DD7"/>
    <w:rsid w:val="000B218D"/>
    <w:rsid w:val="000B2436"/>
    <w:rsid w:val="000B2874"/>
    <w:rsid w:val="000B34AA"/>
    <w:rsid w:val="000B4620"/>
    <w:rsid w:val="000C2C73"/>
    <w:rsid w:val="000C3571"/>
    <w:rsid w:val="000C602D"/>
    <w:rsid w:val="000D0DFE"/>
    <w:rsid w:val="000D2EDB"/>
    <w:rsid w:val="000D3655"/>
    <w:rsid w:val="000D5944"/>
    <w:rsid w:val="000E7E2A"/>
    <w:rsid w:val="000F0309"/>
    <w:rsid w:val="000F0E36"/>
    <w:rsid w:val="000F1236"/>
    <w:rsid w:val="000F39D5"/>
    <w:rsid w:val="000F6CC2"/>
    <w:rsid w:val="001008AB"/>
    <w:rsid w:val="00100A52"/>
    <w:rsid w:val="00101C88"/>
    <w:rsid w:val="00101E2C"/>
    <w:rsid w:val="00101ED7"/>
    <w:rsid w:val="00101F72"/>
    <w:rsid w:val="00103CDE"/>
    <w:rsid w:val="00104BD1"/>
    <w:rsid w:val="00105A32"/>
    <w:rsid w:val="0010642D"/>
    <w:rsid w:val="0010759B"/>
    <w:rsid w:val="00107A15"/>
    <w:rsid w:val="00120649"/>
    <w:rsid w:val="00120BEB"/>
    <w:rsid w:val="001261CF"/>
    <w:rsid w:val="00126DA1"/>
    <w:rsid w:val="00130DFC"/>
    <w:rsid w:val="00130F03"/>
    <w:rsid w:val="001338FE"/>
    <w:rsid w:val="00135316"/>
    <w:rsid w:val="0014022A"/>
    <w:rsid w:val="0014520B"/>
    <w:rsid w:val="00146AAD"/>
    <w:rsid w:val="00147790"/>
    <w:rsid w:val="001502B5"/>
    <w:rsid w:val="0015077E"/>
    <w:rsid w:val="00151638"/>
    <w:rsid w:val="00154900"/>
    <w:rsid w:val="00154910"/>
    <w:rsid w:val="00157616"/>
    <w:rsid w:val="00160D0C"/>
    <w:rsid w:val="0016507C"/>
    <w:rsid w:val="00170C58"/>
    <w:rsid w:val="0017796B"/>
    <w:rsid w:val="00180B91"/>
    <w:rsid w:val="00181241"/>
    <w:rsid w:val="00181891"/>
    <w:rsid w:val="00183006"/>
    <w:rsid w:val="00184A08"/>
    <w:rsid w:val="00185512"/>
    <w:rsid w:val="0018792E"/>
    <w:rsid w:val="001905D0"/>
    <w:rsid w:val="00195673"/>
    <w:rsid w:val="001A0F4A"/>
    <w:rsid w:val="001A17ED"/>
    <w:rsid w:val="001A4B18"/>
    <w:rsid w:val="001A513F"/>
    <w:rsid w:val="001A65BD"/>
    <w:rsid w:val="001A71F1"/>
    <w:rsid w:val="001B13E9"/>
    <w:rsid w:val="001B14E2"/>
    <w:rsid w:val="001B1B14"/>
    <w:rsid w:val="001B2644"/>
    <w:rsid w:val="001B2908"/>
    <w:rsid w:val="001B2CE0"/>
    <w:rsid w:val="001B4743"/>
    <w:rsid w:val="001C0D7F"/>
    <w:rsid w:val="001C1DEB"/>
    <w:rsid w:val="001C2E6F"/>
    <w:rsid w:val="001C63BD"/>
    <w:rsid w:val="001D0774"/>
    <w:rsid w:val="001D1A9F"/>
    <w:rsid w:val="001D255A"/>
    <w:rsid w:val="001E1B64"/>
    <w:rsid w:val="001E5D82"/>
    <w:rsid w:val="001E5DAE"/>
    <w:rsid w:val="001F000A"/>
    <w:rsid w:val="001F0044"/>
    <w:rsid w:val="001F4A84"/>
    <w:rsid w:val="001F6029"/>
    <w:rsid w:val="001F6F8C"/>
    <w:rsid w:val="002032D5"/>
    <w:rsid w:val="00206776"/>
    <w:rsid w:val="0021057A"/>
    <w:rsid w:val="00215375"/>
    <w:rsid w:val="00221F06"/>
    <w:rsid w:val="00226021"/>
    <w:rsid w:val="00226D5B"/>
    <w:rsid w:val="00230594"/>
    <w:rsid w:val="002333C9"/>
    <w:rsid w:val="00233431"/>
    <w:rsid w:val="00234B2A"/>
    <w:rsid w:val="00236343"/>
    <w:rsid w:val="00236407"/>
    <w:rsid w:val="0023662B"/>
    <w:rsid w:val="00241A76"/>
    <w:rsid w:val="00241C22"/>
    <w:rsid w:val="002430E9"/>
    <w:rsid w:val="0024649D"/>
    <w:rsid w:val="00247423"/>
    <w:rsid w:val="00252E04"/>
    <w:rsid w:val="002617F6"/>
    <w:rsid w:val="00262328"/>
    <w:rsid w:val="00270A28"/>
    <w:rsid w:val="00272510"/>
    <w:rsid w:val="00272750"/>
    <w:rsid w:val="0027290B"/>
    <w:rsid w:val="0028056C"/>
    <w:rsid w:val="00280A12"/>
    <w:rsid w:val="00283C6E"/>
    <w:rsid w:val="002928FA"/>
    <w:rsid w:val="002A0D5A"/>
    <w:rsid w:val="002A336F"/>
    <w:rsid w:val="002A3B80"/>
    <w:rsid w:val="002A3CC2"/>
    <w:rsid w:val="002B1253"/>
    <w:rsid w:val="002B334E"/>
    <w:rsid w:val="002B34F6"/>
    <w:rsid w:val="002C1733"/>
    <w:rsid w:val="002C1E6D"/>
    <w:rsid w:val="002C5C96"/>
    <w:rsid w:val="002C6FF0"/>
    <w:rsid w:val="002D0367"/>
    <w:rsid w:val="002D4638"/>
    <w:rsid w:val="002D5804"/>
    <w:rsid w:val="002E0DA4"/>
    <w:rsid w:val="002E4F5A"/>
    <w:rsid w:val="002F053F"/>
    <w:rsid w:val="0031058D"/>
    <w:rsid w:val="00312208"/>
    <w:rsid w:val="0031239A"/>
    <w:rsid w:val="003123D0"/>
    <w:rsid w:val="00312534"/>
    <w:rsid w:val="003135F7"/>
    <w:rsid w:val="00313C0F"/>
    <w:rsid w:val="003155CE"/>
    <w:rsid w:val="0031573D"/>
    <w:rsid w:val="00320C7C"/>
    <w:rsid w:val="003247A4"/>
    <w:rsid w:val="0032764A"/>
    <w:rsid w:val="00330647"/>
    <w:rsid w:val="003313F7"/>
    <w:rsid w:val="003315E6"/>
    <w:rsid w:val="00333551"/>
    <w:rsid w:val="003345C9"/>
    <w:rsid w:val="003346F1"/>
    <w:rsid w:val="00336C85"/>
    <w:rsid w:val="00342685"/>
    <w:rsid w:val="00342BB3"/>
    <w:rsid w:val="00346DAB"/>
    <w:rsid w:val="00350B1B"/>
    <w:rsid w:val="0035208C"/>
    <w:rsid w:val="00352913"/>
    <w:rsid w:val="003554FB"/>
    <w:rsid w:val="00363748"/>
    <w:rsid w:val="00363F32"/>
    <w:rsid w:val="0036635C"/>
    <w:rsid w:val="0037287E"/>
    <w:rsid w:val="00377062"/>
    <w:rsid w:val="0038180C"/>
    <w:rsid w:val="00384287"/>
    <w:rsid w:val="003843F1"/>
    <w:rsid w:val="00386D15"/>
    <w:rsid w:val="0038747A"/>
    <w:rsid w:val="00390EF3"/>
    <w:rsid w:val="0039695A"/>
    <w:rsid w:val="00397627"/>
    <w:rsid w:val="003A036E"/>
    <w:rsid w:val="003A075A"/>
    <w:rsid w:val="003A07C4"/>
    <w:rsid w:val="003A08C8"/>
    <w:rsid w:val="003A24CF"/>
    <w:rsid w:val="003A4D32"/>
    <w:rsid w:val="003A614E"/>
    <w:rsid w:val="003A6A0F"/>
    <w:rsid w:val="003A6DA4"/>
    <w:rsid w:val="003A7227"/>
    <w:rsid w:val="003A7765"/>
    <w:rsid w:val="003B06B1"/>
    <w:rsid w:val="003B08BA"/>
    <w:rsid w:val="003B3F8A"/>
    <w:rsid w:val="003B547A"/>
    <w:rsid w:val="003B7506"/>
    <w:rsid w:val="003B7651"/>
    <w:rsid w:val="003C102B"/>
    <w:rsid w:val="003C1E9B"/>
    <w:rsid w:val="003D1B66"/>
    <w:rsid w:val="003D33E9"/>
    <w:rsid w:val="003D4D3B"/>
    <w:rsid w:val="003D5779"/>
    <w:rsid w:val="003E0376"/>
    <w:rsid w:val="003E2FE6"/>
    <w:rsid w:val="00400DB3"/>
    <w:rsid w:val="00405D52"/>
    <w:rsid w:val="00406699"/>
    <w:rsid w:val="00410351"/>
    <w:rsid w:val="0041182F"/>
    <w:rsid w:val="00411B91"/>
    <w:rsid w:val="00416EFC"/>
    <w:rsid w:val="004177C4"/>
    <w:rsid w:val="00421C28"/>
    <w:rsid w:val="00423E4B"/>
    <w:rsid w:val="0042421D"/>
    <w:rsid w:val="00424CF1"/>
    <w:rsid w:val="00424EC5"/>
    <w:rsid w:val="00427C98"/>
    <w:rsid w:val="0043126B"/>
    <w:rsid w:val="0043198A"/>
    <w:rsid w:val="004368EF"/>
    <w:rsid w:val="00440092"/>
    <w:rsid w:val="004432F3"/>
    <w:rsid w:val="00443987"/>
    <w:rsid w:val="00447139"/>
    <w:rsid w:val="00450B42"/>
    <w:rsid w:val="00454E3F"/>
    <w:rsid w:val="00460D67"/>
    <w:rsid w:val="0046407F"/>
    <w:rsid w:val="00471A14"/>
    <w:rsid w:val="00474458"/>
    <w:rsid w:val="00474842"/>
    <w:rsid w:val="00480CED"/>
    <w:rsid w:val="004832BC"/>
    <w:rsid w:val="00483923"/>
    <w:rsid w:val="00484288"/>
    <w:rsid w:val="0048775A"/>
    <w:rsid w:val="0049033B"/>
    <w:rsid w:val="00490F9A"/>
    <w:rsid w:val="0049260C"/>
    <w:rsid w:val="00496509"/>
    <w:rsid w:val="004A13F3"/>
    <w:rsid w:val="004A34B5"/>
    <w:rsid w:val="004A59BC"/>
    <w:rsid w:val="004A645D"/>
    <w:rsid w:val="004A75B8"/>
    <w:rsid w:val="004B48BC"/>
    <w:rsid w:val="004B6211"/>
    <w:rsid w:val="004C5508"/>
    <w:rsid w:val="004C582A"/>
    <w:rsid w:val="004D41C4"/>
    <w:rsid w:val="004E2378"/>
    <w:rsid w:val="004E5A89"/>
    <w:rsid w:val="004E6F51"/>
    <w:rsid w:val="004F287F"/>
    <w:rsid w:val="004F3F9F"/>
    <w:rsid w:val="004F7DD1"/>
    <w:rsid w:val="00500438"/>
    <w:rsid w:val="00501DEF"/>
    <w:rsid w:val="005038E7"/>
    <w:rsid w:val="00507CD9"/>
    <w:rsid w:val="00507F97"/>
    <w:rsid w:val="0051191F"/>
    <w:rsid w:val="0051400F"/>
    <w:rsid w:val="0051553C"/>
    <w:rsid w:val="00520DB5"/>
    <w:rsid w:val="005213E8"/>
    <w:rsid w:val="00521A4A"/>
    <w:rsid w:val="005237C1"/>
    <w:rsid w:val="005260C4"/>
    <w:rsid w:val="00526D56"/>
    <w:rsid w:val="00530975"/>
    <w:rsid w:val="00532358"/>
    <w:rsid w:val="0053268A"/>
    <w:rsid w:val="00532C43"/>
    <w:rsid w:val="00532FB7"/>
    <w:rsid w:val="00535DF3"/>
    <w:rsid w:val="005404EB"/>
    <w:rsid w:val="0054113B"/>
    <w:rsid w:val="005446F7"/>
    <w:rsid w:val="00546330"/>
    <w:rsid w:val="005526D1"/>
    <w:rsid w:val="005539B5"/>
    <w:rsid w:val="0055478A"/>
    <w:rsid w:val="00556010"/>
    <w:rsid w:val="00556DAB"/>
    <w:rsid w:val="0055746E"/>
    <w:rsid w:val="00563104"/>
    <w:rsid w:val="005635B6"/>
    <w:rsid w:val="005644EF"/>
    <w:rsid w:val="0056507A"/>
    <w:rsid w:val="00566A62"/>
    <w:rsid w:val="005806EC"/>
    <w:rsid w:val="005826D4"/>
    <w:rsid w:val="00582B1F"/>
    <w:rsid w:val="005843BC"/>
    <w:rsid w:val="00587D86"/>
    <w:rsid w:val="00593C46"/>
    <w:rsid w:val="005950ED"/>
    <w:rsid w:val="00595E4E"/>
    <w:rsid w:val="00597985"/>
    <w:rsid w:val="00597D5A"/>
    <w:rsid w:val="005A2FBF"/>
    <w:rsid w:val="005A314C"/>
    <w:rsid w:val="005A37AF"/>
    <w:rsid w:val="005A44CA"/>
    <w:rsid w:val="005A45E4"/>
    <w:rsid w:val="005A55C1"/>
    <w:rsid w:val="005A7077"/>
    <w:rsid w:val="005A73DB"/>
    <w:rsid w:val="005A7D12"/>
    <w:rsid w:val="005B6864"/>
    <w:rsid w:val="005C7EA5"/>
    <w:rsid w:val="005D01B9"/>
    <w:rsid w:val="005D03D4"/>
    <w:rsid w:val="005D456E"/>
    <w:rsid w:val="005D7D52"/>
    <w:rsid w:val="005E2B5B"/>
    <w:rsid w:val="005E495C"/>
    <w:rsid w:val="005F239A"/>
    <w:rsid w:val="005F2D84"/>
    <w:rsid w:val="005F3847"/>
    <w:rsid w:val="005F538A"/>
    <w:rsid w:val="0060106B"/>
    <w:rsid w:val="0060559C"/>
    <w:rsid w:val="00606FDE"/>
    <w:rsid w:val="00610C9B"/>
    <w:rsid w:val="00613E13"/>
    <w:rsid w:val="00614D72"/>
    <w:rsid w:val="0061685E"/>
    <w:rsid w:val="0061697B"/>
    <w:rsid w:val="006169FC"/>
    <w:rsid w:val="00620098"/>
    <w:rsid w:val="00620278"/>
    <w:rsid w:val="006206A0"/>
    <w:rsid w:val="00621672"/>
    <w:rsid w:val="006246FA"/>
    <w:rsid w:val="00632CFA"/>
    <w:rsid w:val="00636B38"/>
    <w:rsid w:val="006411A1"/>
    <w:rsid w:val="00655540"/>
    <w:rsid w:val="0066065B"/>
    <w:rsid w:val="00660A55"/>
    <w:rsid w:val="00661094"/>
    <w:rsid w:val="00664852"/>
    <w:rsid w:val="006670A0"/>
    <w:rsid w:val="006675DC"/>
    <w:rsid w:val="00667DF3"/>
    <w:rsid w:val="00670A99"/>
    <w:rsid w:val="00670B66"/>
    <w:rsid w:val="006716DD"/>
    <w:rsid w:val="00676518"/>
    <w:rsid w:val="006844F7"/>
    <w:rsid w:val="00684A25"/>
    <w:rsid w:val="0068723B"/>
    <w:rsid w:val="00691A5E"/>
    <w:rsid w:val="006953C5"/>
    <w:rsid w:val="0069565E"/>
    <w:rsid w:val="00695D04"/>
    <w:rsid w:val="006A0559"/>
    <w:rsid w:val="006A4C55"/>
    <w:rsid w:val="006A7F3F"/>
    <w:rsid w:val="006B192A"/>
    <w:rsid w:val="006B428C"/>
    <w:rsid w:val="006B67EB"/>
    <w:rsid w:val="006B70BD"/>
    <w:rsid w:val="006B7DAB"/>
    <w:rsid w:val="006C0786"/>
    <w:rsid w:val="006C3E17"/>
    <w:rsid w:val="006C40EB"/>
    <w:rsid w:val="006C7721"/>
    <w:rsid w:val="006D27B6"/>
    <w:rsid w:val="006D2970"/>
    <w:rsid w:val="006D4B53"/>
    <w:rsid w:val="006E1874"/>
    <w:rsid w:val="006E308C"/>
    <w:rsid w:val="006E3208"/>
    <w:rsid w:val="006E34FD"/>
    <w:rsid w:val="006E5775"/>
    <w:rsid w:val="006E5E30"/>
    <w:rsid w:val="006F1139"/>
    <w:rsid w:val="006F4328"/>
    <w:rsid w:val="007000B1"/>
    <w:rsid w:val="00703491"/>
    <w:rsid w:val="00704584"/>
    <w:rsid w:val="00704C34"/>
    <w:rsid w:val="00706BE6"/>
    <w:rsid w:val="00711F59"/>
    <w:rsid w:val="0071247F"/>
    <w:rsid w:val="0071301A"/>
    <w:rsid w:val="0071302E"/>
    <w:rsid w:val="00713442"/>
    <w:rsid w:val="00715938"/>
    <w:rsid w:val="007250B1"/>
    <w:rsid w:val="00727695"/>
    <w:rsid w:val="0073123D"/>
    <w:rsid w:val="00733F70"/>
    <w:rsid w:val="00735C6C"/>
    <w:rsid w:val="00736A28"/>
    <w:rsid w:val="007372D8"/>
    <w:rsid w:val="0073795D"/>
    <w:rsid w:val="00740173"/>
    <w:rsid w:val="007409B3"/>
    <w:rsid w:val="00740F62"/>
    <w:rsid w:val="0074137E"/>
    <w:rsid w:val="00742540"/>
    <w:rsid w:val="00742FC1"/>
    <w:rsid w:val="00743539"/>
    <w:rsid w:val="00744F99"/>
    <w:rsid w:val="00746846"/>
    <w:rsid w:val="00746DB8"/>
    <w:rsid w:val="00747F76"/>
    <w:rsid w:val="007500E0"/>
    <w:rsid w:val="00761C0B"/>
    <w:rsid w:val="007623F5"/>
    <w:rsid w:val="00762ED2"/>
    <w:rsid w:val="00763E3F"/>
    <w:rsid w:val="00767190"/>
    <w:rsid w:val="007714AB"/>
    <w:rsid w:val="00771540"/>
    <w:rsid w:val="00772B8E"/>
    <w:rsid w:val="0077589A"/>
    <w:rsid w:val="00777F4C"/>
    <w:rsid w:val="00783611"/>
    <w:rsid w:val="00783904"/>
    <w:rsid w:val="00784CEC"/>
    <w:rsid w:val="007903E9"/>
    <w:rsid w:val="0079273A"/>
    <w:rsid w:val="00792E57"/>
    <w:rsid w:val="00793ADE"/>
    <w:rsid w:val="00794C3D"/>
    <w:rsid w:val="00796140"/>
    <w:rsid w:val="00796840"/>
    <w:rsid w:val="007A106D"/>
    <w:rsid w:val="007A2FB7"/>
    <w:rsid w:val="007A343E"/>
    <w:rsid w:val="007B01DD"/>
    <w:rsid w:val="007B2613"/>
    <w:rsid w:val="007B5B62"/>
    <w:rsid w:val="007B6C3A"/>
    <w:rsid w:val="007B6F1A"/>
    <w:rsid w:val="007B753A"/>
    <w:rsid w:val="007C305A"/>
    <w:rsid w:val="007C3433"/>
    <w:rsid w:val="007C358B"/>
    <w:rsid w:val="007C37EC"/>
    <w:rsid w:val="007D17F5"/>
    <w:rsid w:val="007D43DE"/>
    <w:rsid w:val="007E22A8"/>
    <w:rsid w:val="007E4548"/>
    <w:rsid w:val="007E51D4"/>
    <w:rsid w:val="007E676B"/>
    <w:rsid w:val="007F0D09"/>
    <w:rsid w:val="007F3D39"/>
    <w:rsid w:val="007F5BC5"/>
    <w:rsid w:val="007F5DC1"/>
    <w:rsid w:val="007F73AE"/>
    <w:rsid w:val="007F795B"/>
    <w:rsid w:val="008035C1"/>
    <w:rsid w:val="008043B8"/>
    <w:rsid w:val="00807E72"/>
    <w:rsid w:val="00810600"/>
    <w:rsid w:val="00810DAF"/>
    <w:rsid w:val="00810EE3"/>
    <w:rsid w:val="00810FF9"/>
    <w:rsid w:val="00811130"/>
    <w:rsid w:val="00812173"/>
    <w:rsid w:val="00812D42"/>
    <w:rsid w:val="008172EC"/>
    <w:rsid w:val="008172FA"/>
    <w:rsid w:val="00817E9C"/>
    <w:rsid w:val="00825572"/>
    <w:rsid w:val="00831B7E"/>
    <w:rsid w:val="00833B13"/>
    <w:rsid w:val="00833F51"/>
    <w:rsid w:val="00835C63"/>
    <w:rsid w:val="00836809"/>
    <w:rsid w:val="008474FA"/>
    <w:rsid w:val="00850062"/>
    <w:rsid w:val="00850365"/>
    <w:rsid w:val="00850A29"/>
    <w:rsid w:val="00852F89"/>
    <w:rsid w:val="00853128"/>
    <w:rsid w:val="00857E0E"/>
    <w:rsid w:val="00860784"/>
    <w:rsid w:val="0086406B"/>
    <w:rsid w:val="008641A6"/>
    <w:rsid w:val="00864418"/>
    <w:rsid w:val="00865A47"/>
    <w:rsid w:val="008663C4"/>
    <w:rsid w:val="00872D6E"/>
    <w:rsid w:val="00873044"/>
    <w:rsid w:val="00877826"/>
    <w:rsid w:val="008778E8"/>
    <w:rsid w:val="00881D40"/>
    <w:rsid w:val="00882BC8"/>
    <w:rsid w:val="00890A34"/>
    <w:rsid w:val="0089131E"/>
    <w:rsid w:val="00895E54"/>
    <w:rsid w:val="00897A5F"/>
    <w:rsid w:val="008A20ED"/>
    <w:rsid w:val="008A2E74"/>
    <w:rsid w:val="008B2E5A"/>
    <w:rsid w:val="008C0888"/>
    <w:rsid w:val="008C1CD7"/>
    <w:rsid w:val="008C7F24"/>
    <w:rsid w:val="008D12B8"/>
    <w:rsid w:val="008D1CF5"/>
    <w:rsid w:val="008D33BC"/>
    <w:rsid w:val="008D7FBC"/>
    <w:rsid w:val="008E277D"/>
    <w:rsid w:val="008E52D3"/>
    <w:rsid w:val="008E62D3"/>
    <w:rsid w:val="008E6865"/>
    <w:rsid w:val="008E7449"/>
    <w:rsid w:val="008F3986"/>
    <w:rsid w:val="00902BB6"/>
    <w:rsid w:val="009041C6"/>
    <w:rsid w:val="0090587D"/>
    <w:rsid w:val="00914C2E"/>
    <w:rsid w:val="00916ED0"/>
    <w:rsid w:val="009173C7"/>
    <w:rsid w:val="00922764"/>
    <w:rsid w:val="00922B5E"/>
    <w:rsid w:val="00923C67"/>
    <w:rsid w:val="00931362"/>
    <w:rsid w:val="00933476"/>
    <w:rsid w:val="00933605"/>
    <w:rsid w:val="00933CE5"/>
    <w:rsid w:val="00934CAF"/>
    <w:rsid w:val="00942BC1"/>
    <w:rsid w:val="00945620"/>
    <w:rsid w:val="00951DB8"/>
    <w:rsid w:val="00954A78"/>
    <w:rsid w:val="00957441"/>
    <w:rsid w:val="009603DB"/>
    <w:rsid w:val="0096550A"/>
    <w:rsid w:val="00971FBA"/>
    <w:rsid w:val="00974124"/>
    <w:rsid w:val="009753F2"/>
    <w:rsid w:val="009755A9"/>
    <w:rsid w:val="0097649E"/>
    <w:rsid w:val="0097695B"/>
    <w:rsid w:val="009835A3"/>
    <w:rsid w:val="009850B3"/>
    <w:rsid w:val="00990A91"/>
    <w:rsid w:val="00991FD9"/>
    <w:rsid w:val="00994523"/>
    <w:rsid w:val="00994C07"/>
    <w:rsid w:val="00994EA2"/>
    <w:rsid w:val="009A06D2"/>
    <w:rsid w:val="009A3E29"/>
    <w:rsid w:val="009A44B5"/>
    <w:rsid w:val="009A5FEB"/>
    <w:rsid w:val="009A70C6"/>
    <w:rsid w:val="009A70F6"/>
    <w:rsid w:val="009A7D7C"/>
    <w:rsid w:val="009B23E4"/>
    <w:rsid w:val="009B41D0"/>
    <w:rsid w:val="009B5AAD"/>
    <w:rsid w:val="009C24E5"/>
    <w:rsid w:val="009C6E7D"/>
    <w:rsid w:val="009C72E6"/>
    <w:rsid w:val="009C7384"/>
    <w:rsid w:val="009D0157"/>
    <w:rsid w:val="009D115F"/>
    <w:rsid w:val="009D1249"/>
    <w:rsid w:val="009D1B0D"/>
    <w:rsid w:val="009D2A1E"/>
    <w:rsid w:val="009D5372"/>
    <w:rsid w:val="009D59A7"/>
    <w:rsid w:val="009D727C"/>
    <w:rsid w:val="009E136D"/>
    <w:rsid w:val="009E534F"/>
    <w:rsid w:val="009E58C2"/>
    <w:rsid w:val="009E623B"/>
    <w:rsid w:val="009F1053"/>
    <w:rsid w:val="009F2D5A"/>
    <w:rsid w:val="00A00F40"/>
    <w:rsid w:val="00A0130E"/>
    <w:rsid w:val="00A02451"/>
    <w:rsid w:val="00A02DC0"/>
    <w:rsid w:val="00A14C3A"/>
    <w:rsid w:val="00A15173"/>
    <w:rsid w:val="00A16F39"/>
    <w:rsid w:val="00A17927"/>
    <w:rsid w:val="00A208C3"/>
    <w:rsid w:val="00A20F09"/>
    <w:rsid w:val="00A219A2"/>
    <w:rsid w:val="00A22F97"/>
    <w:rsid w:val="00A25287"/>
    <w:rsid w:val="00A256B7"/>
    <w:rsid w:val="00A27396"/>
    <w:rsid w:val="00A275DB"/>
    <w:rsid w:val="00A33F4E"/>
    <w:rsid w:val="00A3474E"/>
    <w:rsid w:val="00A3581F"/>
    <w:rsid w:val="00A37F3B"/>
    <w:rsid w:val="00A42907"/>
    <w:rsid w:val="00A43A72"/>
    <w:rsid w:val="00A43D84"/>
    <w:rsid w:val="00A44260"/>
    <w:rsid w:val="00A467E8"/>
    <w:rsid w:val="00A470F3"/>
    <w:rsid w:val="00A475F2"/>
    <w:rsid w:val="00A50D14"/>
    <w:rsid w:val="00A5365E"/>
    <w:rsid w:val="00A54AE3"/>
    <w:rsid w:val="00A570EB"/>
    <w:rsid w:val="00A57DC5"/>
    <w:rsid w:val="00A6062B"/>
    <w:rsid w:val="00A62BDF"/>
    <w:rsid w:val="00A650D2"/>
    <w:rsid w:val="00A67E55"/>
    <w:rsid w:val="00A71325"/>
    <w:rsid w:val="00A754E9"/>
    <w:rsid w:val="00A76AB3"/>
    <w:rsid w:val="00A85419"/>
    <w:rsid w:val="00A90F2A"/>
    <w:rsid w:val="00A91C3C"/>
    <w:rsid w:val="00A93CCD"/>
    <w:rsid w:val="00A949CE"/>
    <w:rsid w:val="00A953DE"/>
    <w:rsid w:val="00AA0001"/>
    <w:rsid w:val="00AA08DF"/>
    <w:rsid w:val="00AA2868"/>
    <w:rsid w:val="00AA4ECD"/>
    <w:rsid w:val="00AB122A"/>
    <w:rsid w:val="00AB19B8"/>
    <w:rsid w:val="00AB28F6"/>
    <w:rsid w:val="00AB40A0"/>
    <w:rsid w:val="00AB4579"/>
    <w:rsid w:val="00AB67D7"/>
    <w:rsid w:val="00AC080A"/>
    <w:rsid w:val="00AC0D62"/>
    <w:rsid w:val="00AC3378"/>
    <w:rsid w:val="00AC42A0"/>
    <w:rsid w:val="00AD0147"/>
    <w:rsid w:val="00AD06B5"/>
    <w:rsid w:val="00AD2567"/>
    <w:rsid w:val="00AD2782"/>
    <w:rsid w:val="00AD43B1"/>
    <w:rsid w:val="00AD49BD"/>
    <w:rsid w:val="00AD5370"/>
    <w:rsid w:val="00AD7B56"/>
    <w:rsid w:val="00AE3E1E"/>
    <w:rsid w:val="00AE478B"/>
    <w:rsid w:val="00AE6861"/>
    <w:rsid w:val="00AF3A78"/>
    <w:rsid w:val="00AF53F1"/>
    <w:rsid w:val="00AF7111"/>
    <w:rsid w:val="00B0157B"/>
    <w:rsid w:val="00B07719"/>
    <w:rsid w:val="00B10271"/>
    <w:rsid w:val="00B11A4C"/>
    <w:rsid w:val="00B120EA"/>
    <w:rsid w:val="00B1277B"/>
    <w:rsid w:val="00B13B4A"/>
    <w:rsid w:val="00B157EE"/>
    <w:rsid w:val="00B2026A"/>
    <w:rsid w:val="00B21524"/>
    <w:rsid w:val="00B2390A"/>
    <w:rsid w:val="00B2712F"/>
    <w:rsid w:val="00B27611"/>
    <w:rsid w:val="00B313B9"/>
    <w:rsid w:val="00B31699"/>
    <w:rsid w:val="00B36C9B"/>
    <w:rsid w:val="00B37331"/>
    <w:rsid w:val="00B40C5A"/>
    <w:rsid w:val="00B50938"/>
    <w:rsid w:val="00B51B0E"/>
    <w:rsid w:val="00B51DD0"/>
    <w:rsid w:val="00B53CFD"/>
    <w:rsid w:val="00B53D87"/>
    <w:rsid w:val="00B57914"/>
    <w:rsid w:val="00B57EF9"/>
    <w:rsid w:val="00B63DF7"/>
    <w:rsid w:val="00B66D25"/>
    <w:rsid w:val="00B71023"/>
    <w:rsid w:val="00B710B6"/>
    <w:rsid w:val="00B711CB"/>
    <w:rsid w:val="00B713FA"/>
    <w:rsid w:val="00B71872"/>
    <w:rsid w:val="00B718F0"/>
    <w:rsid w:val="00B762BA"/>
    <w:rsid w:val="00B77309"/>
    <w:rsid w:val="00B7787F"/>
    <w:rsid w:val="00B805C1"/>
    <w:rsid w:val="00B844FC"/>
    <w:rsid w:val="00B848B2"/>
    <w:rsid w:val="00B87062"/>
    <w:rsid w:val="00B9039D"/>
    <w:rsid w:val="00B906D1"/>
    <w:rsid w:val="00BA4095"/>
    <w:rsid w:val="00BA60CB"/>
    <w:rsid w:val="00BA74A2"/>
    <w:rsid w:val="00BA79AF"/>
    <w:rsid w:val="00BB03F1"/>
    <w:rsid w:val="00BB2BD8"/>
    <w:rsid w:val="00BC3075"/>
    <w:rsid w:val="00BC3EAB"/>
    <w:rsid w:val="00BC4DE5"/>
    <w:rsid w:val="00BC7720"/>
    <w:rsid w:val="00BD04C7"/>
    <w:rsid w:val="00BD084F"/>
    <w:rsid w:val="00BD17FF"/>
    <w:rsid w:val="00BD4055"/>
    <w:rsid w:val="00BD59D7"/>
    <w:rsid w:val="00BE043E"/>
    <w:rsid w:val="00BE1A07"/>
    <w:rsid w:val="00BE4A1D"/>
    <w:rsid w:val="00BE76A7"/>
    <w:rsid w:val="00C004EC"/>
    <w:rsid w:val="00C00A66"/>
    <w:rsid w:val="00C04384"/>
    <w:rsid w:val="00C07CE5"/>
    <w:rsid w:val="00C132EF"/>
    <w:rsid w:val="00C175F3"/>
    <w:rsid w:val="00C212E6"/>
    <w:rsid w:val="00C21B7F"/>
    <w:rsid w:val="00C22120"/>
    <w:rsid w:val="00C23396"/>
    <w:rsid w:val="00C24D7A"/>
    <w:rsid w:val="00C34154"/>
    <w:rsid w:val="00C40756"/>
    <w:rsid w:val="00C4511F"/>
    <w:rsid w:val="00C463B5"/>
    <w:rsid w:val="00C4687A"/>
    <w:rsid w:val="00C519B7"/>
    <w:rsid w:val="00C51A87"/>
    <w:rsid w:val="00C52705"/>
    <w:rsid w:val="00C528F1"/>
    <w:rsid w:val="00C54ADA"/>
    <w:rsid w:val="00C54B49"/>
    <w:rsid w:val="00C55954"/>
    <w:rsid w:val="00C5744E"/>
    <w:rsid w:val="00C6100E"/>
    <w:rsid w:val="00C64202"/>
    <w:rsid w:val="00C6730D"/>
    <w:rsid w:val="00C73633"/>
    <w:rsid w:val="00C73CDF"/>
    <w:rsid w:val="00C74208"/>
    <w:rsid w:val="00C77543"/>
    <w:rsid w:val="00C82860"/>
    <w:rsid w:val="00C84BE1"/>
    <w:rsid w:val="00C86AA9"/>
    <w:rsid w:val="00C87039"/>
    <w:rsid w:val="00C877D9"/>
    <w:rsid w:val="00C9706D"/>
    <w:rsid w:val="00CA0767"/>
    <w:rsid w:val="00CA0DD4"/>
    <w:rsid w:val="00CA4633"/>
    <w:rsid w:val="00CA6A41"/>
    <w:rsid w:val="00CA7877"/>
    <w:rsid w:val="00CB1046"/>
    <w:rsid w:val="00CB64F7"/>
    <w:rsid w:val="00CB655C"/>
    <w:rsid w:val="00CC0D1C"/>
    <w:rsid w:val="00CC5831"/>
    <w:rsid w:val="00CC62A0"/>
    <w:rsid w:val="00CC7EBE"/>
    <w:rsid w:val="00CD0F3B"/>
    <w:rsid w:val="00CD1E0A"/>
    <w:rsid w:val="00CD1EC2"/>
    <w:rsid w:val="00CD6337"/>
    <w:rsid w:val="00CD69DC"/>
    <w:rsid w:val="00CE3710"/>
    <w:rsid w:val="00CE47DB"/>
    <w:rsid w:val="00CE4ADE"/>
    <w:rsid w:val="00CE5EF4"/>
    <w:rsid w:val="00CE64FF"/>
    <w:rsid w:val="00CF121A"/>
    <w:rsid w:val="00CF1606"/>
    <w:rsid w:val="00CF32B3"/>
    <w:rsid w:val="00CF6959"/>
    <w:rsid w:val="00D00D3A"/>
    <w:rsid w:val="00D02F65"/>
    <w:rsid w:val="00D048D4"/>
    <w:rsid w:val="00D0672E"/>
    <w:rsid w:val="00D06F2D"/>
    <w:rsid w:val="00D109B1"/>
    <w:rsid w:val="00D14E6D"/>
    <w:rsid w:val="00D16CEA"/>
    <w:rsid w:val="00D203DB"/>
    <w:rsid w:val="00D22FE5"/>
    <w:rsid w:val="00D26EBA"/>
    <w:rsid w:val="00D26F6B"/>
    <w:rsid w:val="00D33F4E"/>
    <w:rsid w:val="00D350D5"/>
    <w:rsid w:val="00D41575"/>
    <w:rsid w:val="00D438F9"/>
    <w:rsid w:val="00D44F77"/>
    <w:rsid w:val="00D45ABC"/>
    <w:rsid w:val="00D50C1F"/>
    <w:rsid w:val="00D5267B"/>
    <w:rsid w:val="00D528A0"/>
    <w:rsid w:val="00D53D82"/>
    <w:rsid w:val="00D541F4"/>
    <w:rsid w:val="00D5461F"/>
    <w:rsid w:val="00D5594E"/>
    <w:rsid w:val="00D60A7B"/>
    <w:rsid w:val="00D62B74"/>
    <w:rsid w:val="00D63F3F"/>
    <w:rsid w:val="00D64A6D"/>
    <w:rsid w:val="00D65F9F"/>
    <w:rsid w:val="00D71B85"/>
    <w:rsid w:val="00D76900"/>
    <w:rsid w:val="00D77733"/>
    <w:rsid w:val="00D904C8"/>
    <w:rsid w:val="00D95511"/>
    <w:rsid w:val="00DA5CB0"/>
    <w:rsid w:val="00DA64D2"/>
    <w:rsid w:val="00DA6590"/>
    <w:rsid w:val="00DA7187"/>
    <w:rsid w:val="00DB0622"/>
    <w:rsid w:val="00DB2548"/>
    <w:rsid w:val="00DB2F0C"/>
    <w:rsid w:val="00DB4CB3"/>
    <w:rsid w:val="00DC0388"/>
    <w:rsid w:val="00DC0DB4"/>
    <w:rsid w:val="00DC351A"/>
    <w:rsid w:val="00DC3A38"/>
    <w:rsid w:val="00DC4686"/>
    <w:rsid w:val="00DC55A0"/>
    <w:rsid w:val="00DD4979"/>
    <w:rsid w:val="00DE00EB"/>
    <w:rsid w:val="00DE0FB2"/>
    <w:rsid w:val="00DE4BCA"/>
    <w:rsid w:val="00DE63DC"/>
    <w:rsid w:val="00DE6E54"/>
    <w:rsid w:val="00DF3308"/>
    <w:rsid w:val="00E031F0"/>
    <w:rsid w:val="00E047AB"/>
    <w:rsid w:val="00E05BDC"/>
    <w:rsid w:val="00E07620"/>
    <w:rsid w:val="00E136DD"/>
    <w:rsid w:val="00E1462C"/>
    <w:rsid w:val="00E14C19"/>
    <w:rsid w:val="00E20932"/>
    <w:rsid w:val="00E23330"/>
    <w:rsid w:val="00E23E5D"/>
    <w:rsid w:val="00E247A8"/>
    <w:rsid w:val="00E26275"/>
    <w:rsid w:val="00E27762"/>
    <w:rsid w:val="00E302F5"/>
    <w:rsid w:val="00E30414"/>
    <w:rsid w:val="00E31976"/>
    <w:rsid w:val="00E3270E"/>
    <w:rsid w:val="00E33857"/>
    <w:rsid w:val="00E343E7"/>
    <w:rsid w:val="00E34C2C"/>
    <w:rsid w:val="00E37D8D"/>
    <w:rsid w:val="00E449FA"/>
    <w:rsid w:val="00E45CE8"/>
    <w:rsid w:val="00E47308"/>
    <w:rsid w:val="00E515CE"/>
    <w:rsid w:val="00E547CE"/>
    <w:rsid w:val="00E607EE"/>
    <w:rsid w:val="00E60A68"/>
    <w:rsid w:val="00E613DD"/>
    <w:rsid w:val="00E64512"/>
    <w:rsid w:val="00E65158"/>
    <w:rsid w:val="00E67C61"/>
    <w:rsid w:val="00E7006C"/>
    <w:rsid w:val="00E72409"/>
    <w:rsid w:val="00E72657"/>
    <w:rsid w:val="00E72754"/>
    <w:rsid w:val="00E75D70"/>
    <w:rsid w:val="00E848B4"/>
    <w:rsid w:val="00E8577E"/>
    <w:rsid w:val="00E85812"/>
    <w:rsid w:val="00E93DEB"/>
    <w:rsid w:val="00E9662D"/>
    <w:rsid w:val="00E9682F"/>
    <w:rsid w:val="00EA3787"/>
    <w:rsid w:val="00EA43DF"/>
    <w:rsid w:val="00EA4A6A"/>
    <w:rsid w:val="00EA5FA6"/>
    <w:rsid w:val="00EB26BD"/>
    <w:rsid w:val="00EB2D14"/>
    <w:rsid w:val="00EB393A"/>
    <w:rsid w:val="00EB549E"/>
    <w:rsid w:val="00EB627D"/>
    <w:rsid w:val="00EB644C"/>
    <w:rsid w:val="00EB6D7F"/>
    <w:rsid w:val="00EC4EB0"/>
    <w:rsid w:val="00EC5666"/>
    <w:rsid w:val="00EC5EDF"/>
    <w:rsid w:val="00EC6415"/>
    <w:rsid w:val="00ED3E60"/>
    <w:rsid w:val="00ED4E2A"/>
    <w:rsid w:val="00ED57BC"/>
    <w:rsid w:val="00ED6746"/>
    <w:rsid w:val="00EE32D5"/>
    <w:rsid w:val="00EE4F24"/>
    <w:rsid w:val="00EE5F2C"/>
    <w:rsid w:val="00EE777A"/>
    <w:rsid w:val="00EE7913"/>
    <w:rsid w:val="00EE7C36"/>
    <w:rsid w:val="00EF042F"/>
    <w:rsid w:val="00EF0997"/>
    <w:rsid w:val="00EF0F36"/>
    <w:rsid w:val="00EF0FF7"/>
    <w:rsid w:val="00EF245B"/>
    <w:rsid w:val="00EF3DAF"/>
    <w:rsid w:val="00EF41BB"/>
    <w:rsid w:val="00EF4445"/>
    <w:rsid w:val="00EF5A2F"/>
    <w:rsid w:val="00F01675"/>
    <w:rsid w:val="00F02D4B"/>
    <w:rsid w:val="00F03B3F"/>
    <w:rsid w:val="00F04229"/>
    <w:rsid w:val="00F140EA"/>
    <w:rsid w:val="00F226CE"/>
    <w:rsid w:val="00F309DF"/>
    <w:rsid w:val="00F30C40"/>
    <w:rsid w:val="00F32804"/>
    <w:rsid w:val="00F34149"/>
    <w:rsid w:val="00F40D06"/>
    <w:rsid w:val="00F43D4A"/>
    <w:rsid w:val="00F441CC"/>
    <w:rsid w:val="00F47D42"/>
    <w:rsid w:val="00F54EB8"/>
    <w:rsid w:val="00F5506D"/>
    <w:rsid w:val="00F557D6"/>
    <w:rsid w:val="00F57292"/>
    <w:rsid w:val="00F60BD7"/>
    <w:rsid w:val="00F61665"/>
    <w:rsid w:val="00F61BF5"/>
    <w:rsid w:val="00F621C0"/>
    <w:rsid w:val="00F6456C"/>
    <w:rsid w:val="00F64DB0"/>
    <w:rsid w:val="00F66C0A"/>
    <w:rsid w:val="00F67570"/>
    <w:rsid w:val="00F74921"/>
    <w:rsid w:val="00F75225"/>
    <w:rsid w:val="00F8168A"/>
    <w:rsid w:val="00F82FFD"/>
    <w:rsid w:val="00F903CE"/>
    <w:rsid w:val="00F915B7"/>
    <w:rsid w:val="00F93890"/>
    <w:rsid w:val="00F94210"/>
    <w:rsid w:val="00F961CC"/>
    <w:rsid w:val="00FA5191"/>
    <w:rsid w:val="00FA53BE"/>
    <w:rsid w:val="00FA600F"/>
    <w:rsid w:val="00FA7920"/>
    <w:rsid w:val="00FB01BE"/>
    <w:rsid w:val="00FB0552"/>
    <w:rsid w:val="00FB3E52"/>
    <w:rsid w:val="00FB45D1"/>
    <w:rsid w:val="00FB5539"/>
    <w:rsid w:val="00FC2B1A"/>
    <w:rsid w:val="00FC37AA"/>
    <w:rsid w:val="00FC3A2B"/>
    <w:rsid w:val="00FC5967"/>
    <w:rsid w:val="00FC61FE"/>
    <w:rsid w:val="00FD0D93"/>
    <w:rsid w:val="00FD119C"/>
    <w:rsid w:val="00FD3F6C"/>
    <w:rsid w:val="00FD5D9F"/>
    <w:rsid w:val="00FE0A39"/>
    <w:rsid w:val="00FE6394"/>
    <w:rsid w:val="00FF124B"/>
    <w:rsid w:val="00FF30AD"/>
    <w:rsid w:val="00FF3CD5"/>
    <w:rsid w:val="00FF475F"/>
    <w:rsid w:val="00FF58E0"/>
    <w:rsid w:val="00FF731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7169"/>
    <o:shapelayout v:ext="edit">
      <o:idmap v:ext="edit" data="1"/>
    </o:shapelayout>
  </w:shapeDefaults>
  <w:decimalSymbol w:val="."/>
  <w:listSeparator w:val=","/>
  <w14:docId w14:val="2951A3D6"/>
  <w15:chartTrackingRefBased/>
  <w15:docId w15:val="{E777E709-6BCE-42B1-B09E-4DC2EA088DC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Arial" w:eastAsia="Calibri" w:hAnsi="Arial" w:cs="Arial"/>
        <w:lang w:val="en-US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1A71F1"/>
    <w:pPr>
      <w:spacing w:after="200" w:line="276" w:lineRule="auto"/>
    </w:pPr>
    <w:rPr>
      <w:sz w:val="16"/>
      <w:szCs w:val="16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NormalWeb">
    <w:name w:val="Normal (Web)"/>
    <w:basedOn w:val="Normal"/>
    <w:uiPriority w:val="99"/>
    <w:semiHidden/>
    <w:unhideWhenUsed/>
    <w:rsid w:val="000B2436"/>
    <w:pPr>
      <w:spacing w:before="100" w:beforeAutospacing="1" w:after="100" w:afterAutospacing="1" w:line="240" w:lineRule="auto"/>
    </w:pPr>
    <w:rPr>
      <w:rFonts w:ascii="Times New Roman" w:eastAsia="Times New Roman" w:hAnsi="Times New Roman" w:cs="Times New Roman"/>
      <w:sz w:val="24"/>
      <w:szCs w:val="24"/>
    </w:rPr>
  </w:style>
  <w:style w:type="paragraph" w:styleId="ListParagraph">
    <w:name w:val="List Paragraph"/>
    <w:basedOn w:val="Normal"/>
    <w:uiPriority w:val="34"/>
    <w:qFormat/>
    <w:rsid w:val="00852F89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6A0559"/>
    <w:pPr>
      <w:tabs>
        <w:tab w:val="center" w:pos="4680"/>
        <w:tab w:val="right" w:pos="9360"/>
      </w:tabs>
    </w:pPr>
  </w:style>
  <w:style w:type="character" w:customStyle="1" w:styleId="HeaderChar">
    <w:name w:val="Header Char"/>
    <w:link w:val="Header"/>
    <w:uiPriority w:val="99"/>
    <w:rsid w:val="006A0559"/>
    <w:rPr>
      <w:sz w:val="16"/>
      <w:szCs w:val="16"/>
    </w:rPr>
  </w:style>
  <w:style w:type="paragraph" w:styleId="Footer">
    <w:name w:val="footer"/>
    <w:basedOn w:val="Normal"/>
    <w:link w:val="FooterChar"/>
    <w:uiPriority w:val="99"/>
    <w:unhideWhenUsed/>
    <w:rsid w:val="006A0559"/>
    <w:pPr>
      <w:tabs>
        <w:tab w:val="center" w:pos="4680"/>
        <w:tab w:val="right" w:pos="9360"/>
      </w:tabs>
    </w:pPr>
  </w:style>
  <w:style w:type="character" w:customStyle="1" w:styleId="FooterChar">
    <w:name w:val="Footer Char"/>
    <w:link w:val="Footer"/>
    <w:uiPriority w:val="99"/>
    <w:rsid w:val="006A0559"/>
    <w:rPr>
      <w:sz w:val="16"/>
      <w:szCs w:val="16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DA6590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link w:val="BalloonText"/>
    <w:uiPriority w:val="99"/>
    <w:semiHidden/>
    <w:rsid w:val="00DA6590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2</TotalTime>
  <Pages>1</Pages>
  <Words>233</Words>
  <Characters>1697</Characters>
  <Application>Microsoft Office Word</Application>
  <DocSecurity>0</DocSecurity>
  <Lines>73</Lines>
  <Paragraphs>8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Kelley Drye &amp; Warren LLP</Company>
  <LinksUpToDate>false</LinksUpToDate>
  <CharactersWithSpaces>185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Johnson, Elizabeth</cp:lastModifiedBy>
  <cp:revision>5</cp:revision>
  <cp:lastPrinted>1900-01-01T05:00:00Z</cp:lastPrinted>
  <dcterms:created xsi:type="dcterms:W3CDTF">2025-06-02T19:38:00Z</dcterms:created>
  <dcterms:modified xsi:type="dcterms:W3CDTF">2025-06-02T20:1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4930-6813-3705v.1</vt:lpwstr>
  </property>
</Properties>
</file>